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4" rupBuild="29029"/>
  <workbookPr defaultThemeVersion="166925"/>
  <mc:AlternateContent xmlns:mc="http://schemas.openxmlformats.org/markup-compatibility/2006">
    <mc:Choice Requires="x15">
      <x15ac:absPath xmlns:x15ac="http://schemas.microsoft.com/office/spreadsheetml/2010/11/ac" url="https://fylkesmannen.sharepoint.com/sites/SFTF-PilotprosjektbrekraftiTromsogFinnmark/Delte dokumenter/Prosjektgruppa/Prosjektets leveranser/_Ferdige dokumenter til kvalitetssikring/"/>
    </mc:Choice>
  </mc:AlternateContent>
  <xr:revisionPtr revIDLastSave="258" documentId="8_{03E31C2C-F574-43EA-90B4-D78C4B2311E7}" xr6:coauthVersionLast="47" xr6:coauthVersionMax="47" xr10:uidLastSave="{346493C4-9D23-4233-B88D-762DE161F6F1}"/>
  <bookViews>
    <workbookView xWindow="-113" yWindow="-113" windowWidth="24267" windowHeight="13023" tabRatio="904" firstSheet="1" activeTab="4" xr2:uid="{234E0EE7-7668-4AC9-A960-24159956E2CF}"/>
  </bookViews>
  <sheets>
    <sheet name="Liste" sheetId="32" state="hidden" r:id="rId1"/>
    <sheet name="Forside" sheetId="3" r:id="rId2"/>
    <sheet name="Vurdering mot målsettinger" sheetId="37" r:id="rId3"/>
    <sheet name="Vurdering av bærekraftstema" sheetId="35" r:id="rId4"/>
    <sheet name="Oppsummering til saksfremlegg" sheetId="36" r:id="rId5"/>
  </sheets>
  <definedNames>
    <definedName name="Liste">Liste!#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F34" i="36" l="1" a="1"/>
  <c r="F34" i="36" s="1"/>
  <c r="G34" i="36" a="1"/>
  <c r="G34" i="36" s="1"/>
  <c r="E34" i="36" a="1"/>
  <c r="E34" i="36" s="1"/>
  <c r="D34" i="36" a="1"/>
  <c r="D34" i="36" s="1"/>
  <c r="C34" i="36" a="1"/>
  <c r="C34" i="36" s="1"/>
  <c r="G20" i="36" a="1"/>
  <c r="G20" i="36" s="1"/>
  <c r="F20" i="36" a="1"/>
  <c r="F20" i="36" s="1"/>
  <c r="E20" i="36" a="1"/>
  <c r="E20" i="36" s="1"/>
  <c r="D20" i="36" a="1"/>
  <c r="D20" i="36" s="1"/>
  <c r="C20" i="36" a="1"/>
  <c r="C20" i="36" s="1"/>
  <c r="F7" i="36" a="1"/>
  <c r="F7" i="36" s="1"/>
  <c r="G7" i="36" a="1"/>
  <c r="G7" i="36" s="1"/>
  <c r="E7" i="36" a="1"/>
  <c r="E7" i="36" s="1"/>
  <c r="D7" i="36" a="1"/>
  <c r="D7" i="36" s="1"/>
  <c r="C7" i="36" a="1"/>
  <c r="C7" i="36" s="1"/>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84" uniqueCount="69">
  <si>
    <t>Lister</t>
  </si>
  <si>
    <t>Svar</t>
  </si>
  <si>
    <t>Negativ påvirkning</t>
  </si>
  <si>
    <t>Positiv påvirkning</t>
  </si>
  <si>
    <t>Nøytral påvirkning</t>
  </si>
  <si>
    <t>Mangler kunnskap til å vurdere påvirkning</t>
  </si>
  <si>
    <t>Ikke relevant</t>
  </si>
  <si>
    <t>OM VERKTØYET OG HVORDAN DET KAN BRUKES</t>
  </si>
  <si>
    <t>KOM I GANG!</t>
  </si>
  <si>
    <r>
      <rPr>
        <b/>
        <sz val="9"/>
        <rFont val="Trebuchet MS"/>
        <family val="2"/>
      </rPr>
      <t xml:space="preserve">VURDERING MOT MÅLSETTINGER
</t>
    </r>
    <r>
      <rPr>
        <sz val="9"/>
        <rFont val="Trebuchet MS"/>
        <family val="2"/>
      </rPr>
      <t xml:space="preserve">I denne arkfanen kan du fylle inn kommunens overordnede målsettinger fra kommuneplanens samfunnsdel og andre relevante del-/temaplaner. Bruk skjemaet til å gjøre en strukturert vurdering av sakens bidrag til målsettingene og dokumenter en samlet vurdering som kan brukes i saksfremlegget. 
Formålet med denne vurderingen er å synliggjøre hvorvidt og hvordan saken eller planen bidrar til politiske prioriteringer. </t>
    </r>
  </si>
  <si>
    <r>
      <rPr>
        <b/>
        <sz val="9"/>
        <rFont val="Trebuchet MS"/>
        <family val="2"/>
      </rPr>
      <t>VURDERING AV BÆREKRAFTSTEMA</t>
    </r>
    <r>
      <rPr>
        <sz val="9"/>
        <rFont val="Trebuchet MS"/>
        <family val="2"/>
      </rPr>
      <t xml:space="preserve">
I denne arkfanen skal du gjøre en vurdering av sakens eller planens påvirkning på de ulike bærekraftstemaene. Vurderingene gjøres etter følgende skala:
 *</t>
    </r>
    <r>
      <rPr>
        <b/>
        <sz val="9"/>
        <rFont val="Trebuchet MS"/>
        <family val="2"/>
      </rPr>
      <t xml:space="preserve"> Negativ påvirkning</t>
    </r>
    <r>
      <rPr>
        <sz val="9"/>
        <rFont val="Trebuchet MS"/>
        <family val="2"/>
      </rPr>
      <t xml:space="preserve"> = saken/planen vil gjøre skade på bærekraftstemaet/er i strid med kjørereglene
 * </t>
    </r>
    <r>
      <rPr>
        <b/>
        <sz val="9"/>
        <rFont val="Trebuchet MS"/>
        <family val="2"/>
      </rPr>
      <t>Positiv påvirkning</t>
    </r>
    <r>
      <rPr>
        <sz val="9"/>
        <rFont val="Trebuchet MS"/>
        <family val="2"/>
      </rPr>
      <t xml:space="preserve"> = saken/planen innebærer en gevinst for bærekraftstemaet/er i tråd med kjørereglene
 * </t>
    </r>
    <r>
      <rPr>
        <b/>
        <sz val="9"/>
        <rFont val="Trebuchet MS"/>
        <family val="2"/>
      </rPr>
      <t>Nøytral påvirkning</t>
    </r>
    <r>
      <rPr>
        <sz val="9"/>
        <rFont val="Trebuchet MS"/>
        <family val="2"/>
      </rPr>
      <t xml:space="preserve"> = verken positiv eller negativ påvirkning
 * </t>
    </r>
    <r>
      <rPr>
        <b/>
        <sz val="9"/>
        <rFont val="Trebuchet MS"/>
        <family val="2"/>
      </rPr>
      <t>Mangler kunnskap for å kunne vurdere påvirkning</t>
    </r>
    <r>
      <rPr>
        <sz val="9"/>
        <rFont val="Trebuchet MS"/>
        <family val="2"/>
      </rPr>
      <t xml:space="preserve"> = saksbehandler har ikke tilstrekkelig innsikt eller informasjon om sakens/planens påvirkning på temaet / påvirkningen er foreløpig ukjent
*</t>
    </r>
    <r>
      <rPr>
        <b/>
        <sz val="9"/>
        <rFont val="Trebuchet MS"/>
        <family val="2"/>
      </rPr>
      <t xml:space="preserve"> Ikke relevant</t>
    </r>
    <r>
      <rPr>
        <sz val="9"/>
        <rFont val="Trebuchet MS"/>
        <family val="2"/>
      </rPr>
      <t xml:space="preserve"> = saken/planen vil ikke ha noen påvirkning på temaet
Bruk skjemaet til å gjøre en strukturert vurdering av sakens påvirkning på bærekraftstemaene og dokumenter en helhetlig bærekraftsvurdering som kan brukes i saksfremlegget. 
Formålet med denne vurderingen er å synliggjøre for politikerne hvordan saken påvirker alle bærekraftstemaene og hvordan balansen blir mellom dimensjonene.  </t>
    </r>
  </si>
  <si>
    <t>SAKSBEHANDLING - vurdering mot overordnede strategier og planer</t>
  </si>
  <si>
    <r>
      <rPr>
        <b/>
        <i/>
        <sz val="9"/>
        <color theme="1"/>
        <rFont val="Trebuchet MS"/>
        <family val="2"/>
      </rPr>
      <t xml:space="preserve">ANBEFALINGER TIL BRUK AV SKJEMAET
</t>
    </r>
    <r>
      <rPr>
        <sz val="9"/>
        <color theme="1"/>
        <rFont val="Trebuchet MS"/>
        <family val="2"/>
      </rPr>
      <t>Dette skjema er ment å være til hjelp og inspirasjon til hvordan kommunen kan inkludere og synliggjøre en overordnet vurdering av sak og forslag til innstilling opp mot vedtatte politiske prioriteringer og overordnede strategier og målsettinger i styrende dokumenter. Det kan for eksempel være satsningsområder og målsettinger fra kommuneplanens samfunnsdel, eller målsettinger i tema-/delplaner. Det kan også være prioriteringer som er gjort i kommuneplanens arealdel.
Det er opp til kommunen selv å fylle ut målsettinger som er relevante for vurdering. Dere fyller selv ut innhold nedover i kolonne C, D og E, og så er det lagt inn et felt for en overordnet oppsummering som kan inkluderes i saksfremlegget som går til politisk behandling.</t>
    </r>
  </si>
  <si>
    <t>Overordnede målsettinger i kommunens planer</t>
  </si>
  <si>
    <t>Hvordan bidrar saken til vedtatte prioriteringer og målsettinger?</t>
  </si>
  <si>
    <t>Eventuelle kommentarer</t>
  </si>
  <si>
    <r>
      <rPr>
        <b/>
        <sz val="10"/>
        <color theme="1"/>
        <rFont val="Trebuchet MS"/>
        <family val="2"/>
      </rPr>
      <t xml:space="preserve">OVERORDNET OPPSUMMERING AV SAKENS BIDRAG TIL VEDTATTE PRIORITERINGER OG MÅLSETTINGER
</t>
    </r>
    <r>
      <rPr>
        <sz val="10"/>
        <color theme="1"/>
        <rFont val="Trebuchet MS"/>
        <family val="2"/>
      </rPr>
      <t>xx</t>
    </r>
  </si>
  <si>
    <r>
      <rPr>
        <b/>
        <sz val="11"/>
        <color theme="0"/>
        <rFont val="Trebuchet MS"/>
        <family val="2"/>
      </rPr>
      <t>KLIMA- OG MILJØFORHOLD</t>
    </r>
    <r>
      <rPr>
        <sz val="11"/>
        <color theme="0"/>
        <rFont val="Trebuchet MS"/>
        <family val="2"/>
      </rPr>
      <t xml:space="preserve">  </t>
    </r>
    <r>
      <rPr>
        <i/>
        <sz val="9"/>
        <color theme="0"/>
        <rFont val="Trebuchet MS"/>
        <family val="2"/>
      </rPr>
      <t>handler om å beskytte, bevare og forbedre miljøet, gjennom å opprettholde naturmangfold, redusere utslipp, sikre rene vann og vassdrag, og samtidig fysisk forberede samfunnet på et fremtidig endret klima.</t>
    </r>
    <r>
      <rPr>
        <sz val="11"/>
        <color theme="0"/>
        <rFont val="Trebuchet MS"/>
        <family val="2"/>
      </rPr>
      <t xml:space="preserve">
</t>
    </r>
  </si>
  <si>
    <t>I hvor stor grad vil saken påvirke</t>
  </si>
  <si>
    <t>Kommentar</t>
  </si>
  <si>
    <t>Kjøreregler</t>
  </si>
  <si>
    <t>Naturmangfold og økosystemer</t>
  </si>
  <si>
    <r>
      <rPr>
        <b/>
        <i/>
        <sz val="9"/>
        <color theme="1" tint="0.34998626667073579"/>
        <rFont val="Trebuchet MS"/>
        <family val="2"/>
      </rPr>
      <t>Naturens egenverdi og tjenestene den gir oss</t>
    </r>
    <r>
      <rPr>
        <i/>
        <sz val="8"/>
        <color theme="1" tint="0.34998626667073579"/>
        <rFont val="Trebuchet MS"/>
        <family val="2"/>
      </rPr>
      <t xml:space="preserve">
</t>
    </r>
    <r>
      <rPr>
        <sz val="8"/>
        <color theme="1" tint="0.34998626667073579"/>
        <rFont val="Trebuchet MS"/>
        <family val="2"/>
      </rPr>
      <t>* Unngå nedbygging av sårbare naturtyper og karbonrike arealer. 
* Bidra til gode miljøforhold i og langs vassdrag
* Sørge for å opprettholde naturmangfold og økosystemer ved å se eksisterende og planlagt naturbruk i sammenheng.</t>
    </r>
  </si>
  <si>
    <t>Natur, kultur og friluftsliv</t>
  </si>
  <si>
    <r>
      <rPr>
        <b/>
        <i/>
        <sz val="9"/>
        <color theme="1" tint="0.34998626667073579"/>
        <rFont val="Trebuchet MS"/>
        <family val="2"/>
      </rPr>
      <t xml:space="preserve">Menneskelig bruk at naturen </t>
    </r>
    <r>
      <rPr>
        <sz val="8"/>
        <color theme="1" tint="0.34998626667073579"/>
        <rFont val="Trebuchet MS"/>
        <family val="2"/>
      </rPr>
      <t xml:space="preserve">
* Anerkjenne og ivareta naturens betydning for kultur og identitet, spesielt for den samiske befolkningen. 
* Beskytte naturlandskapets kulturelle, estetiske og rekreasjonsmessige verdi. 
* Legge til rette for friluftsliv og naturopplevelser. </t>
    </r>
  </si>
  <si>
    <t>Matproduksjon og drikkevannskilder</t>
  </si>
  <si>
    <r>
      <rPr>
        <b/>
        <i/>
        <sz val="9"/>
        <color theme="1" tint="0.34998626667073579"/>
        <rFont val="Trebuchet MS"/>
        <family val="2"/>
      </rPr>
      <t>Beredskap og vern av primærnæringer</t>
    </r>
    <r>
      <rPr>
        <b/>
        <sz val="9"/>
        <color theme="1" tint="0.34998626667073579"/>
        <rFont val="Trebuchet MS"/>
        <family val="2"/>
      </rPr>
      <t xml:space="preserve">
</t>
    </r>
    <r>
      <rPr>
        <sz val="8"/>
        <color theme="1" tint="0.34998626667073579"/>
        <rFont val="Trebuchet MS"/>
        <family val="2"/>
      </rPr>
      <t xml:space="preserve">* Bruk av naturressurser (som jord, skog, vann og marine ressurser) på en bærekraftig måte
* Ivareta matsikkerhet og vannforsyning
* Sikre jordvernet og reindriftens ressursgrunnlag </t>
    </r>
  </si>
  <si>
    <t>Klimagassutslipp og energiforbruk</t>
  </si>
  <si>
    <r>
      <rPr>
        <b/>
        <i/>
        <sz val="9"/>
        <color theme="1" tint="0.34998626667073579"/>
        <rFont val="Trebuchet MS"/>
        <family val="2"/>
      </rPr>
      <t>Reduksjon av klimagassutslipp og omstilling</t>
    </r>
    <r>
      <rPr>
        <sz val="8"/>
        <color theme="1" tint="0.34998626667073579"/>
        <rFont val="Trebuchet MS"/>
        <family val="2"/>
      </rPr>
      <t xml:space="preserve">
* Redusere kommunens direkte og indirekte klimagassutslipp
* Aktivt arbeid for klimaomstilling
* Fremme bruk av fornybar energi og energieffektivisering</t>
    </r>
  </si>
  <si>
    <t>Forurensing</t>
  </si>
  <si>
    <r>
      <rPr>
        <b/>
        <i/>
        <sz val="9"/>
        <color theme="1" tint="0.34998626667073579"/>
        <rFont val="Trebuchet MS"/>
        <family val="2"/>
      </rPr>
      <t xml:space="preserve">Utslipp til jord, luft og vann
</t>
    </r>
    <r>
      <rPr>
        <sz val="8"/>
        <color theme="1" tint="0.34998626667073579"/>
        <rFont val="Trebuchet MS"/>
        <family val="2"/>
      </rPr>
      <t>* Unngå vann- og grunnforurensing
* Sikre god luftkvalitet
* Sørge for at støynivå er under terkselverdier</t>
    </r>
  </si>
  <si>
    <t>Klimatilpasning</t>
  </si>
  <si>
    <r>
      <rPr>
        <b/>
        <i/>
        <sz val="9"/>
        <color theme="1" tint="0.34998626667073579"/>
        <rFont val="Trebuchet MS"/>
        <family val="2"/>
      </rPr>
      <t>Håndtering av klimaendringer</t>
    </r>
    <r>
      <rPr>
        <sz val="8"/>
        <color theme="1" tint="0.34998626667073579"/>
        <rFont val="Trebuchet MS"/>
        <family val="2"/>
      </rPr>
      <t xml:space="preserve">
* Forberede seg på å håndtere fremtidige endringer i klima
* Prioritere naturbasterte løsninger for klimatilpasning
* Bli mer robust og motstandsdyktig i møte med et endra klima i framtiden (beredskap)</t>
    </r>
  </si>
  <si>
    <r>
      <t xml:space="preserve">SOSIALE FORHOLD
</t>
    </r>
    <r>
      <rPr>
        <i/>
        <sz val="9"/>
        <color theme="0"/>
        <rFont val="Trebuchet MS"/>
        <family val="2"/>
      </rPr>
      <t>handler om å skape robuste og rettferdige lokalsamfunn, gjennom systematisk folkehelsearbeid, fremme likestilling og trygghet for alle, og vurdere barnets beste i alle sammenheng.</t>
    </r>
  </si>
  <si>
    <t>Oppvekst, utdanning og arbeid</t>
  </si>
  <si>
    <r>
      <rPr>
        <b/>
        <i/>
        <sz val="9"/>
        <color theme="1" tint="0.34998626667073579"/>
        <rFont val="Trebuchet MS"/>
        <family val="2"/>
      </rPr>
      <t xml:space="preserve">Like muligheter og et attraktiv arbeidsmarked lokalt
</t>
    </r>
    <r>
      <rPr>
        <sz val="8"/>
        <color theme="1" tint="0.34998626667073579"/>
        <rFont val="Trebuchet MS"/>
        <family val="2"/>
      </rPr>
      <t>* Sikre kvalitet på og lik tilgang til  barnehager, skoler og læring for alle barn og unge 
* Sikre gode og trygge oppvekstmiljø for barn og unge gjennom å tilrettelegge for tverrfaglig samarbeid og iverksette tidlig innsats
* Legge til rette for (videre)utdanning og kompetanseheving for voksne 
* Bidra til at alle har mulighet til å delta i arbeidslivet.
* Iverksette tiltak for å aktivt forebygge utenforskap.</t>
    </r>
  </si>
  <si>
    <t>Helse</t>
  </si>
  <si>
    <r>
      <rPr>
        <b/>
        <i/>
        <sz val="9"/>
        <color theme="1" tint="0.34998626667073579"/>
        <rFont val="Trebuchet MS"/>
        <family val="2"/>
      </rPr>
      <t xml:space="preserve">Befolkningens helsetilstand og helsetjenester
</t>
    </r>
    <r>
      <rPr>
        <sz val="8"/>
        <color theme="1" tint="0.34998626667073579"/>
        <rFont val="Trebuchet MS"/>
        <family val="2"/>
      </rPr>
      <t>* Sikre forsvarlige helse- og omsorgstjenester for alle innbyggere i alle aldre
* Se utviklingen i helse- og omsorgstjenesten i sammenheng med boligplanlegging og kommunens langsiktige økonomi
* Tilrettelegge for samarbeid med frivillighet for å fremme folkehelse 
* Styrke samarbeid mellom sektorer for å forebygge fysisk og psykisk uhelse 
* Motvirke helseforskjeller og øke aktivitetsnivået for mennesker i forskjellige livsløp, sosiale grupper og kjønn.
* Sikre en tverrfaglig og tverrsektoriell tilnærming i alt folkehelsearbeid</t>
    </r>
  </si>
  <si>
    <t>Bolig</t>
  </si>
  <si>
    <r>
      <rPr>
        <b/>
        <i/>
        <sz val="9"/>
        <color theme="1" tint="0.34998626667073579"/>
        <rFont val="Trebuchet MS"/>
        <family val="2"/>
      </rPr>
      <t xml:space="preserve">Tilgjengelighet og bosettingsmønster
</t>
    </r>
    <r>
      <rPr>
        <sz val="8"/>
        <color theme="1" tint="0.34998626667073579"/>
        <rFont val="Trebuchet MS"/>
        <family val="2"/>
      </rPr>
      <t xml:space="preserve">* Sikre et variert og sammensatt boligtilbud for alle innbyggere uavhengig av alder og sosioøkonomisk bakgrunn
* Fastsette bosettingsmønster i tråd med sosial og teknisk infrastruktur i kommunen
* Lokalisere utbyggingsmønster for å minimere transportbehov eller legge til rette for kollektivtransport, sykkel og gange  
* Tilrettelegge for at eldre kan bo lengst mulig hjemme/i tilrettelagt bolig
* Skape et godt og trygt fysisk nærmiljø for barn og unge </t>
    </r>
  </si>
  <si>
    <t>Kultur, idrett og fritid</t>
  </si>
  <si>
    <r>
      <rPr>
        <b/>
        <i/>
        <sz val="9"/>
        <color theme="1" tint="0.34998626667073579"/>
        <rFont val="Trebuchet MS"/>
        <family val="2"/>
      </rPr>
      <t>Tilbud og tilgjengelighet for alle</t>
    </r>
    <r>
      <rPr>
        <sz val="8"/>
        <color theme="1" tint="0.34998626667073579"/>
        <rFont val="Trebuchet MS"/>
        <family val="2"/>
      </rPr>
      <t xml:space="preserve">
* Ivareta samisk og kvensk kultur
* Støtte og fremme aktiviteter og møteplasser som bidrar til integrering og kulturelt mangfold. 
* Jobbe for varierte møteplasser og kulturtilbud
* Sikre tilgang til gode og inkluderende fritidstilbud for barn og unge
* Tilrettelegge for frivillige organisasjoner innen kultur og fritid</t>
    </r>
  </si>
  <si>
    <t>Medvirkning, inkludering og likestilling</t>
  </si>
  <si>
    <r>
      <rPr>
        <b/>
        <i/>
        <sz val="9"/>
        <color theme="1" tint="0.34998626667073579"/>
        <rFont val="Trebuchet MS"/>
        <family val="2"/>
      </rPr>
      <t>Styrke demokratiet og hindre utenforskap</t>
    </r>
    <r>
      <rPr>
        <sz val="8"/>
        <color theme="1" tint="0.34998626667073579"/>
        <rFont val="Trebuchet MS"/>
        <family val="2"/>
      </rPr>
      <t xml:space="preserve">
* Sikre tilgang til aktiv medvirkning og deltakelse i plan- og beslutningsprosesser 
* Utjevne sosial ulikhet og motvirke ensomhet og utenforskap
* Fremme inkludering og likestilling uavhengig av kjønn, alder, etnisitet, funksjonsevne og sosioøkonomisk bakgrunn
* Sikre at barnerettighetsvurderinger inngår i alle beslutningsprosesser
* Ivareta universell utforming (CRPD) som prinsipp</t>
    </r>
  </si>
  <si>
    <t>Samfunnssikkerhet og beredskap</t>
  </si>
  <si>
    <r>
      <rPr>
        <b/>
        <i/>
        <sz val="9"/>
        <color theme="1" tint="0.34998626667073579"/>
        <rFont val="Trebuchet MS"/>
        <family val="2"/>
      </rPr>
      <t>Infratruktur, forsyningssikkerhet og håndtering av hendelser</t>
    </r>
    <r>
      <rPr>
        <sz val="8"/>
        <color theme="1" tint="0.34998626667073579"/>
        <rFont val="Trebuchet MS"/>
        <family val="2"/>
      </rPr>
      <t xml:space="preserve">
* Ha kunnskap og oversikt over risikoforhold i kommunen (ROS)
* Styrke beredskap for å håndtere uønskede hendelser
* Ha et økt fokus på forsyningssikkerhet og nødvendig infrastruktur
* Samarbeide med frivillige organisasjoner og andre etater som bidrar til samfunnsikkerhet og beredskap
* Ha fokus på trafikksikkerhet for myke trafikanter</t>
    </r>
  </si>
  <si>
    <r>
      <t xml:space="preserve">ØKONOMISKE FORHOLD
</t>
    </r>
    <r>
      <rPr>
        <i/>
        <sz val="9"/>
        <color theme="0"/>
        <rFont val="Trebuchet MS"/>
        <family val="2"/>
      </rPr>
      <t>handler om å skape langsiktig økonomisk vekst som ikke går på bekostning av miljøet eller lokalsamfunnet, gjennom bevisst forbruk og ressursforvaltning på alle nivåer, og verdiskapning som kommer alle til gode og skaper mindre økonomisk ulikhet.</t>
    </r>
  </si>
  <si>
    <t>Lokal næringsutvikling og verdiskaping</t>
  </si>
  <si>
    <r>
      <rPr>
        <b/>
        <i/>
        <sz val="9"/>
        <color theme="1" tint="0.34998626667073579"/>
        <rFont val="Trebuchet MS"/>
        <family val="2"/>
      </rPr>
      <t>Samarbeid og tilrettelegging for næringsliv</t>
    </r>
    <r>
      <rPr>
        <i/>
        <sz val="9"/>
        <color theme="1" tint="0.34998626667073579"/>
        <rFont val="Trebuchet MS"/>
        <family val="2"/>
      </rPr>
      <t xml:space="preserve">
</t>
    </r>
    <r>
      <rPr>
        <sz val="8"/>
        <color theme="1" tint="0.34998626667073579"/>
        <rFont val="Trebuchet MS"/>
        <family val="2"/>
      </rPr>
      <t>* Fremme samarbeid mellom næringsliv, utdanningsinstitusjoner og forskningsmiljøer for å stimulere til innovasjon og entreprenørskap
* Legge til rette for et variert næringsliv 
* Tilrettelegge infrastruktur og arealer for næringsutvikling  med minst mulig negativ påvirkning</t>
    </r>
  </si>
  <si>
    <r>
      <rPr>
        <b/>
        <i/>
        <sz val="9"/>
        <color theme="1" tint="0.34998626667073579"/>
        <rFont val="Trebuchet MS"/>
        <family val="2"/>
      </rPr>
      <t>Økt sysselsetting og utjevne forskjeller</t>
    </r>
    <r>
      <rPr>
        <sz val="8"/>
        <color theme="1" tint="0.34998626667073579"/>
        <rFont val="Trebuchet MS"/>
        <family val="2"/>
      </rPr>
      <t xml:space="preserve">
* Anvende økonomiske virkemidler med formål å utjevne sosiale forskjeller
* Tilrettelegge for økt sysselsetting gjennom styrking av kompetanse og tilrettelagt arbeid
* Legge til rette for ulike lavterskeltilbud
* Tilgjengelige bolig- og tjenestetilbud i nærheten av sosial og teknisk infrastruktur</t>
    </r>
  </si>
  <si>
    <t>Kommunens økonomiske handlingsevne</t>
  </si>
  <si>
    <r>
      <rPr>
        <b/>
        <i/>
        <sz val="9"/>
        <color theme="1" tint="0.34998626667073579"/>
        <rFont val="Trebuchet MS"/>
        <family val="2"/>
      </rPr>
      <t>Langsiktig planlegging av tjenestebehov og helhetlig styring</t>
    </r>
    <r>
      <rPr>
        <sz val="8"/>
        <color theme="1" tint="0.34998626667073579"/>
        <rFont val="Trebuchet MS"/>
        <family val="2"/>
      </rPr>
      <t xml:space="preserve">
* Forvalte den kommunale økonomien slik at den økonomiske handlingsevnen blir ivaretatt over tid (blant annet gjennom fastsetting av finansielle måltall)
* Planlegge for den demografiske utviklingen og endrede tjenestebehov
* Sørge for helhetlig økonomistyring gjennom mål, strategier og langsiktige planer
* Fokus på samarbeid, digitalisering og innovasjon i alle tjenestetilbud</t>
    </r>
  </si>
  <si>
    <t>Forbruk og forvaltning av ressurser</t>
  </si>
  <si>
    <r>
      <rPr>
        <b/>
        <i/>
        <sz val="9"/>
        <color theme="1" tint="0.34998626667073579"/>
        <rFont val="Trebuchet MS"/>
        <family val="2"/>
      </rPr>
      <t>Bevisst forbruk og bærekraftig forvaltning av ressurser</t>
    </r>
    <r>
      <rPr>
        <sz val="8"/>
        <color theme="1" tint="0.34998626667073579"/>
        <rFont val="Trebuchet MS"/>
        <family val="2"/>
      </rPr>
      <t xml:space="preserve">
* Ha et bevisst forbruk gjennom å tenke lang levetid, reperasjon og gjenbruk i forvaltning av ressurser
* Sikre ansvarlige anskaffelser med minst mulige negative påvirkninger for klima, miljø og samfunn
* Øke kunnskap og kompetanse om bærekraftige løsninger og gå foran som et godt eksempel
* Legge til rette for samlokalisering av tilbud, tjenester, virksomheter, og /eller samarbeid som fremmer sirkulære løsninger og redusert ressursbruk</t>
    </r>
  </si>
  <si>
    <t>Oppsummering av bærekraftsvurderinger til saksfremlegg</t>
  </si>
  <si>
    <t xml:space="preserve">KLIMA- OG MILJØFORHOLD </t>
  </si>
  <si>
    <t>handler om å beskytte, bevare og forbedre miljøet, gjennom å opprettholde naturmangfold, redusere utslipp, sikre rene vann og vassdrag, og samtidig fysisk forberede samfunnet på et fremtidig endret klima</t>
  </si>
  <si>
    <r>
      <rPr>
        <b/>
        <sz val="10"/>
        <color theme="1"/>
        <rFont val="Trebuchet MS"/>
        <family val="2"/>
      </rPr>
      <t>SAMLET VURDERING AV PÅVIRKNING PÅ KLIMA- OG MILJØFORHOLD:</t>
    </r>
    <r>
      <rPr>
        <sz val="10"/>
        <color theme="1"/>
        <rFont val="Trebuchet MS"/>
        <family val="2"/>
      </rPr>
      <t xml:space="preserve">
</t>
    </r>
    <r>
      <rPr>
        <i/>
        <sz val="10"/>
        <color theme="1"/>
        <rFont val="Trebuchet MS"/>
        <family val="2"/>
      </rPr>
      <t>xx</t>
    </r>
  </si>
  <si>
    <t>SOSIALE FORHOLD</t>
  </si>
  <si>
    <t>handler om å skape robuste og rettferdige lokalsamfunn, gjennom systematisk folkehelsearbeid, fremme likestilling og trygghet for alle, og vurdere barnets beste i alle sammenheng.</t>
  </si>
  <si>
    <r>
      <rPr>
        <b/>
        <sz val="10"/>
        <color theme="1"/>
        <rFont val="Trebuchet MS"/>
        <family val="2"/>
      </rPr>
      <t>SAMLET VURDERING AV PÅVIRKNING PÅ SOSIALE FORHOLD:</t>
    </r>
    <r>
      <rPr>
        <sz val="10"/>
        <color theme="1"/>
        <rFont val="Trebuchet MS"/>
        <family val="2"/>
      </rPr>
      <t xml:space="preserve">
</t>
    </r>
    <r>
      <rPr>
        <i/>
        <sz val="10"/>
        <color theme="1"/>
        <rFont val="Trebuchet MS"/>
        <family val="2"/>
      </rPr>
      <t>xx</t>
    </r>
  </si>
  <si>
    <t>ØKONOMISKE FORHOLD</t>
  </si>
  <si>
    <t>handler om å skape langsiktig økonomisk vekst som ikke går på bekostning av miljøet eller lokalsamfunnet, gjennom bevisst forbruk og ressursforvaltning på alle nivåer, og verdiskapning som kommer alle til gode og skaper mindre økonomisk ulikhet.</t>
  </si>
  <si>
    <r>
      <rPr>
        <b/>
        <sz val="10"/>
        <color theme="1"/>
        <rFont val="Trebuchet MS"/>
        <family val="2"/>
      </rPr>
      <t>SAMLET VURDERING AV PÅVIRKNING PÅ ØKONOMISKE FORHOLD:</t>
    </r>
    <r>
      <rPr>
        <sz val="10"/>
        <color theme="1"/>
        <rFont val="Trebuchet MS"/>
        <family val="2"/>
      </rPr>
      <t xml:space="preserve">
</t>
    </r>
    <r>
      <rPr>
        <i/>
        <sz val="10"/>
        <color theme="1"/>
        <rFont val="Trebuchet MS"/>
        <family val="2"/>
      </rPr>
      <t>xx</t>
    </r>
  </si>
  <si>
    <t>HELHETLIGE BÆREKRAFTSVURDERINGER I SAKSBEHANDLING</t>
  </si>
  <si>
    <t>Dette verktøyet er en del av "Bærekraftshjelperen", som er et hjelpemiddel for å arbeide helhetlig og systematisk med bærekraft i plan- og beslutningsprosesser. Formålet med dette verktøyet er å sette politikerne i stand til å ta et informert valg i beslutningsprosesser, samt sikre sammenheng mellom beslutninger og overordnede planer. Det gjøres med at saksbehandler bruker dette verktøyet til å 
 – gjøre en vurdering av saken eller planen opp mot målsettinger og overordnede planer
 - gjøre en systematisk vurdering av hvordan saken eller planen påvirker bærekraftsdimensjonene og -temaene, og hvorvidt politiske beslutninger bidrar til bærekraft
Vurderingene som dokumenteres og oppsummeres kan brukes i saksfremlegget for å synliggjøre sakens/planens bidrag til politiske prioriteringer (målsettinger og overordnede planer), samt hvordan saken eller planen påvirker bærekraftstemaene og -dimensjonene.
Bærekraftshjelperen er utarbeidet av pilotprosjektet "Bærekraftige distriktskommuner" i regi av Statsforvalteren i Troms og Finnmark. Innholdet er et resultat av et tett samarbeid mellom partene i prosjektet. Vi håper at dette verktøyet vil komme flere kommuner til gode, og bidra til at det blir enklere å gjøre helhetlige bærekraftsvurderinger i plan- og beslutningsprosesser i praksis.</t>
  </si>
  <si>
    <t>SAKSBEHANDLING – helhetlige bærekraftsvurderinger</t>
  </si>
  <si>
    <t>Like økonomiske muligheter</t>
  </si>
  <si>
    <r>
      <rPr>
        <b/>
        <i/>
        <sz val="9"/>
        <color theme="1"/>
        <rFont val="Trebuchet MS"/>
        <family val="2"/>
      </rPr>
      <t xml:space="preserve">ANBEFALINGER TIL BRUK AV SKJEMAET
</t>
    </r>
    <r>
      <rPr>
        <sz val="9"/>
        <color theme="1"/>
        <rFont val="Trebuchet MS"/>
        <family val="2"/>
      </rPr>
      <t>I denne arkfanen skal du gjøre en vurdering av sakens eller planens påvirkning på de ulike bærekraftstemaene. Vurderingene gjøres etter følgende skala (i nedtrekksmeny):
 * Negativ påvirkning = saken/planen vil gjøre skade på bærekraftstemaet/er i strid med kjørereglene
 * Positiv påvirkning = saken/planen innebærer en gevinst for bærekraftstemaet/er i tråd med kjørereglene
 * Nøytral påvirkning = verken positiv eller negativ påvirkning
 * Mangler kunnskap for å kunne vurdere påvirkning = saksbehandler har ikke tilstrekkelig innsikt eller informasjon om sakens/planens påvirkning på temaet / påvirkningen er foreløpig ukjent
* Ikke relevant = saken/planen vil ikke ha noen påvirkning på temaet
Bruk skjemaet til å gjøre en strukturert vurdering av sakens påvirkning på bærekraftstemaene og dokumenter en helhetlig bærekraftsvurdering som kan brukes i saksfremlegget.</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32" x14ac:knownFonts="1">
    <font>
      <sz val="11"/>
      <color theme="1"/>
      <name val="Calibri"/>
      <family val="2"/>
      <scheme val="minor"/>
    </font>
    <font>
      <sz val="10"/>
      <color theme="1"/>
      <name val="Trebuchet MS"/>
      <family val="2"/>
    </font>
    <font>
      <sz val="10"/>
      <color theme="1"/>
      <name val="Trebuchet MS"/>
      <family val="2"/>
    </font>
    <font>
      <sz val="11"/>
      <color theme="1"/>
      <name val="Trebuchet MS"/>
      <family val="2"/>
    </font>
    <font>
      <b/>
      <sz val="11"/>
      <color theme="1"/>
      <name val="Trebuchet MS"/>
      <family val="2"/>
    </font>
    <font>
      <b/>
      <sz val="11"/>
      <color theme="0"/>
      <name val="Trebuchet MS"/>
      <family val="2"/>
    </font>
    <font>
      <sz val="9"/>
      <color theme="0"/>
      <name val="Trebuchet MS"/>
      <family val="2"/>
    </font>
    <font>
      <b/>
      <sz val="18"/>
      <color theme="0"/>
      <name val="Trebuchet MS"/>
      <family val="2"/>
    </font>
    <font>
      <sz val="12"/>
      <color theme="1"/>
      <name val="Calibri"/>
      <family val="2"/>
      <scheme val="minor"/>
    </font>
    <font>
      <sz val="11"/>
      <color theme="0"/>
      <name val="Trebuchet MS"/>
      <family val="2"/>
    </font>
    <font>
      <b/>
      <sz val="9"/>
      <color rgb="FFFFFFFF"/>
      <name val="Trebuchet MS"/>
      <family val="2"/>
    </font>
    <font>
      <sz val="9"/>
      <color theme="1"/>
      <name val="Trebuchet MS"/>
      <family val="2"/>
    </font>
    <font>
      <sz val="8"/>
      <color theme="1" tint="0.34998626667073579"/>
      <name val="Trebuchet MS"/>
      <family val="2"/>
    </font>
    <font>
      <i/>
      <sz val="9"/>
      <color theme="0"/>
      <name val="Trebuchet MS"/>
      <family val="2"/>
    </font>
    <font>
      <sz val="11"/>
      <color rgb="FFFF0000"/>
      <name val="Calibri"/>
      <family val="2"/>
      <scheme val="minor"/>
    </font>
    <font>
      <b/>
      <i/>
      <sz val="9"/>
      <color theme="1"/>
      <name val="Trebuchet MS"/>
      <family val="2"/>
    </font>
    <font>
      <b/>
      <sz val="10"/>
      <color theme="1"/>
      <name val="Trebuchet MS"/>
      <family val="2"/>
    </font>
    <font>
      <b/>
      <sz val="14"/>
      <color theme="0"/>
      <name val="Trebuchet MS"/>
      <family val="2"/>
    </font>
    <font>
      <sz val="9"/>
      <color rgb="FF595959"/>
      <name val="Trebuchet MS"/>
      <family val="2"/>
    </font>
    <font>
      <i/>
      <sz val="10"/>
      <color theme="1"/>
      <name val="Trebuchet MS"/>
      <family val="2"/>
    </font>
    <font>
      <b/>
      <sz val="10"/>
      <color theme="0"/>
      <name val="Trebuchet MS"/>
      <family val="2"/>
    </font>
    <font>
      <b/>
      <sz val="11"/>
      <color theme="1"/>
      <name val="Calibri"/>
      <family val="2"/>
      <scheme val="minor"/>
    </font>
    <font>
      <b/>
      <sz val="9"/>
      <color theme="1" tint="0.34998626667073579"/>
      <name val="Trebuchet MS"/>
      <family val="2"/>
    </font>
    <font>
      <b/>
      <i/>
      <sz val="9"/>
      <color theme="1" tint="0.34998626667073579"/>
      <name val="Trebuchet MS"/>
      <family val="2"/>
    </font>
    <font>
      <i/>
      <sz val="8"/>
      <color theme="1" tint="0.34998626667073579"/>
      <name val="Trebuchet MS"/>
      <family val="2"/>
    </font>
    <font>
      <i/>
      <sz val="9"/>
      <color theme="1" tint="0.34998626667073579"/>
      <name val="Trebuchet MS"/>
      <family val="2"/>
    </font>
    <font>
      <b/>
      <sz val="10"/>
      <color rgb="FFFFFFFF"/>
      <name val="Trebuchet MS"/>
      <family val="2"/>
    </font>
    <font>
      <b/>
      <sz val="9"/>
      <color theme="1"/>
      <name val="Trebuchet MS"/>
      <family val="2"/>
    </font>
    <font>
      <u/>
      <sz val="11"/>
      <color theme="10"/>
      <name val="Calibri"/>
      <family val="2"/>
      <scheme val="minor"/>
    </font>
    <font>
      <sz val="9"/>
      <name val="Trebuchet MS"/>
      <family val="2"/>
    </font>
    <font>
      <b/>
      <sz val="9"/>
      <name val="Trebuchet MS"/>
      <family val="2"/>
    </font>
    <font>
      <b/>
      <sz val="18"/>
      <color theme="0"/>
      <name val="Trebuchet MS"/>
    </font>
  </fonts>
  <fills count="19">
    <fill>
      <patternFill patternType="none"/>
    </fill>
    <fill>
      <patternFill patternType="gray125"/>
    </fill>
    <fill>
      <patternFill patternType="solid">
        <fgColor theme="3" tint="-0.249977111117893"/>
        <bgColor indexed="64"/>
      </patternFill>
    </fill>
    <fill>
      <patternFill patternType="solid">
        <fgColor theme="3" tint="0.79998168889431442"/>
        <bgColor indexed="64"/>
      </patternFill>
    </fill>
    <fill>
      <patternFill patternType="solid">
        <fgColor theme="3" tint="0.39997558519241921"/>
        <bgColor indexed="64"/>
      </patternFill>
    </fill>
    <fill>
      <patternFill patternType="solid">
        <fgColor theme="0"/>
        <bgColor indexed="64"/>
      </patternFill>
    </fill>
    <fill>
      <patternFill patternType="solid">
        <fgColor theme="3" tint="-0.499984740745262"/>
        <bgColor indexed="64"/>
      </patternFill>
    </fill>
    <fill>
      <patternFill patternType="solid">
        <fgColor theme="5" tint="-0.249977111117893"/>
        <bgColor indexed="64"/>
      </patternFill>
    </fill>
    <fill>
      <patternFill patternType="solid">
        <fgColor rgb="FFCE080D"/>
        <bgColor indexed="64"/>
      </patternFill>
    </fill>
    <fill>
      <patternFill patternType="solid">
        <fgColor theme="9" tint="-0.499984740745262"/>
        <bgColor indexed="64"/>
      </patternFill>
    </fill>
    <fill>
      <patternFill patternType="solid">
        <fgColor theme="6"/>
        <bgColor indexed="64"/>
      </patternFill>
    </fill>
    <fill>
      <patternFill patternType="solid">
        <fgColor rgb="FFFE685C"/>
        <bgColor indexed="64"/>
      </patternFill>
    </fill>
    <fill>
      <patternFill patternType="solid">
        <fgColor theme="5" tint="-0.499984740745262"/>
        <bgColor indexed="64"/>
      </patternFill>
    </fill>
    <fill>
      <patternFill patternType="solid">
        <fgColor theme="8" tint="-0.499984740745262"/>
        <bgColor indexed="64"/>
      </patternFill>
    </fill>
    <fill>
      <patternFill patternType="solid">
        <fgColor theme="9" tint="-0.249977111117893"/>
        <bgColor indexed="64"/>
      </patternFill>
    </fill>
    <fill>
      <patternFill patternType="solid">
        <fgColor rgb="FFF36D77"/>
        <bgColor indexed="64"/>
      </patternFill>
    </fill>
    <fill>
      <patternFill patternType="solid">
        <fgColor theme="6" tint="0.59999389629810485"/>
        <bgColor indexed="64"/>
      </patternFill>
    </fill>
    <fill>
      <patternFill patternType="solid">
        <fgColor theme="0" tint="-4.9989318521683403E-2"/>
        <bgColor indexed="64"/>
      </patternFill>
    </fill>
    <fill>
      <patternFill patternType="solid">
        <fgColor theme="3" tint="0.59999389629810485"/>
        <bgColor indexed="64"/>
      </patternFill>
    </fill>
  </fills>
  <borders count="30">
    <border>
      <left/>
      <right/>
      <top/>
      <bottom/>
      <diagonal/>
    </border>
    <border>
      <left style="thin">
        <color theme="3" tint="0.79998168889431442"/>
      </left>
      <right style="thin">
        <color theme="3" tint="0.79998168889431442"/>
      </right>
      <top style="thin">
        <color theme="3" tint="0.79998168889431442"/>
      </top>
      <bottom style="thin">
        <color theme="3" tint="0.79998168889431442"/>
      </bottom>
      <diagonal/>
    </border>
    <border>
      <left style="thin">
        <color theme="3" tint="0.79998168889431442"/>
      </left>
      <right style="thin">
        <color theme="3" tint="0.79998168889431442"/>
      </right>
      <top/>
      <bottom style="thin">
        <color theme="3" tint="0.79998168889431442"/>
      </bottom>
      <diagonal/>
    </border>
    <border>
      <left style="thin">
        <color theme="3" tint="0.79998168889431442"/>
      </left>
      <right style="thin">
        <color theme="3" tint="0.79998168889431442"/>
      </right>
      <top style="thin">
        <color theme="3" tint="0.79998168889431442"/>
      </top>
      <bottom/>
      <diagonal/>
    </border>
    <border>
      <left style="thin">
        <color theme="3" tint="0.79998168889431442"/>
      </left>
      <right style="thin">
        <color theme="3" tint="0.79998168889431442"/>
      </right>
      <top/>
      <bottom/>
      <diagonal/>
    </border>
    <border>
      <left style="thin">
        <color theme="0" tint="-0.249977111117893"/>
      </left>
      <right style="thin">
        <color theme="0" tint="-0.249977111117893"/>
      </right>
      <top style="thin">
        <color theme="0" tint="-0.249977111117893"/>
      </top>
      <bottom style="thin">
        <color theme="0" tint="-0.249977111117893"/>
      </bottom>
      <diagonal/>
    </border>
    <border>
      <left/>
      <right style="thin">
        <color theme="0" tint="-0.249977111117893"/>
      </right>
      <top style="thin">
        <color theme="0" tint="-0.249977111117893"/>
      </top>
      <bottom style="thin">
        <color theme="0" tint="-0.249977111117893"/>
      </bottom>
      <diagonal/>
    </border>
    <border>
      <left style="dashDot">
        <color indexed="64"/>
      </left>
      <right/>
      <top style="dashDot">
        <color indexed="64"/>
      </top>
      <bottom/>
      <diagonal/>
    </border>
    <border>
      <left/>
      <right/>
      <top style="dashDot">
        <color indexed="64"/>
      </top>
      <bottom/>
      <diagonal/>
    </border>
    <border>
      <left/>
      <right style="dashDot">
        <color indexed="64"/>
      </right>
      <top style="dashDot">
        <color indexed="64"/>
      </top>
      <bottom/>
      <diagonal/>
    </border>
    <border>
      <left style="dashDot">
        <color indexed="64"/>
      </left>
      <right/>
      <top/>
      <bottom/>
      <diagonal/>
    </border>
    <border>
      <left/>
      <right style="dashDot">
        <color indexed="64"/>
      </right>
      <top/>
      <bottom/>
      <diagonal/>
    </border>
    <border>
      <left style="dashDot">
        <color indexed="64"/>
      </left>
      <right/>
      <top/>
      <bottom style="dashDot">
        <color indexed="64"/>
      </bottom>
      <diagonal/>
    </border>
    <border>
      <left/>
      <right/>
      <top/>
      <bottom style="dashDot">
        <color indexed="64"/>
      </bottom>
      <diagonal/>
    </border>
    <border>
      <left/>
      <right style="dashDot">
        <color indexed="64"/>
      </right>
      <top/>
      <bottom style="dashDot">
        <color indexed="64"/>
      </bottom>
      <diagonal/>
    </border>
    <border>
      <left/>
      <right style="thin">
        <color theme="3" tint="0.79998168889431442"/>
      </right>
      <top style="thin">
        <color theme="3" tint="0.79998168889431442"/>
      </top>
      <bottom style="thin">
        <color theme="3" tint="0.79998168889431442"/>
      </bottom>
      <diagonal/>
    </border>
    <border>
      <left/>
      <right style="thin">
        <color theme="0" tint="-0.249977111117893"/>
      </right>
      <top/>
      <bottom style="thin">
        <color theme="3" tint="0.79998168889431442"/>
      </bottom>
      <diagonal/>
    </border>
    <border>
      <left/>
      <right/>
      <top/>
      <bottom style="medium">
        <color indexed="64"/>
      </bottom>
      <diagonal/>
    </border>
    <border>
      <left style="thin">
        <color theme="0" tint="-0.249977111117893"/>
      </left>
      <right style="thin">
        <color theme="0" tint="-0.249977111117893"/>
      </right>
      <top/>
      <bottom style="thin">
        <color theme="0" tint="-0.249977111117893"/>
      </bottom>
      <diagonal/>
    </border>
    <border>
      <left style="thin">
        <color theme="3" tint="0.39997558519241921"/>
      </left>
      <right/>
      <top style="thin">
        <color theme="3" tint="0.39997558519241921"/>
      </top>
      <bottom style="thin">
        <color theme="3" tint="0.39997558519241921"/>
      </bottom>
      <diagonal/>
    </border>
    <border>
      <left/>
      <right/>
      <top style="thin">
        <color theme="3" tint="0.39997558519241921"/>
      </top>
      <bottom style="thin">
        <color theme="3" tint="0.39997558519241921"/>
      </bottom>
      <diagonal/>
    </border>
    <border>
      <left/>
      <right style="thin">
        <color theme="3" tint="0.39997558519241921"/>
      </right>
      <top style="thin">
        <color theme="3" tint="0.39997558519241921"/>
      </top>
      <bottom style="thin">
        <color theme="3" tint="0.39997558519241921"/>
      </bottom>
      <diagonal/>
    </border>
    <border>
      <left style="dotted">
        <color indexed="64"/>
      </left>
      <right/>
      <top style="dotted">
        <color indexed="64"/>
      </top>
      <bottom/>
      <diagonal/>
    </border>
    <border>
      <left/>
      <right/>
      <top style="dotted">
        <color indexed="64"/>
      </top>
      <bottom/>
      <diagonal/>
    </border>
    <border>
      <left/>
      <right style="dotted">
        <color indexed="64"/>
      </right>
      <top style="dotted">
        <color indexed="64"/>
      </top>
      <bottom/>
      <diagonal/>
    </border>
    <border>
      <left style="dotted">
        <color indexed="64"/>
      </left>
      <right/>
      <top/>
      <bottom/>
      <diagonal/>
    </border>
    <border>
      <left/>
      <right style="dotted">
        <color indexed="64"/>
      </right>
      <top/>
      <bottom/>
      <diagonal/>
    </border>
    <border>
      <left style="dotted">
        <color indexed="64"/>
      </left>
      <right/>
      <top/>
      <bottom style="dotted">
        <color indexed="64"/>
      </bottom>
      <diagonal/>
    </border>
    <border>
      <left/>
      <right/>
      <top/>
      <bottom style="dotted">
        <color indexed="64"/>
      </bottom>
      <diagonal/>
    </border>
    <border>
      <left/>
      <right style="dotted">
        <color indexed="64"/>
      </right>
      <top/>
      <bottom style="dotted">
        <color indexed="64"/>
      </bottom>
      <diagonal/>
    </border>
  </borders>
  <cellStyleXfs count="3">
    <xf numFmtId="0" fontId="0" fillId="0" borderId="0"/>
    <xf numFmtId="0" fontId="8" fillId="0" borderId="0"/>
    <xf numFmtId="0" fontId="28" fillId="0" borderId="0" applyNumberFormat="0" applyFill="0" applyBorder="0" applyAlignment="0" applyProtection="0"/>
  </cellStyleXfs>
  <cellXfs count="100">
    <xf numFmtId="0" fontId="0" fillId="0" borderId="0" xfId="0"/>
    <xf numFmtId="0" fontId="3" fillId="2" borderId="0" xfId="0" applyFont="1" applyFill="1"/>
    <xf numFmtId="0" fontId="3" fillId="3" borderId="0" xfId="0" applyFont="1" applyFill="1"/>
    <xf numFmtId="0" fontId="7" fillId="6" borderId="0" xfId="0" applyFont="1" applyFill="1" applyAlignment="1">
      <alignment vertical="center"/>
    </xf>
    <xf numFmtId="0" fontId="3" fillId="6" borderId="0" xfId="0" applyFont="1" applyFill="1"/>
    <xf numFmtId="0" fontId="3" fillId="6" borderId="0" xfId="0" applyFont="1" applyFill="1" applyAlignment="1">
      <alignment horizontal="center"/>
    </xf>
    <xf numFmtId="0" fontId="4" fillId="6" borderId="0" xfId="0" applyFont="1" applyFill="1"/>
    <xf numFmtId="0" fontId="4" fillId="6" borderId="0" xfId="0" applyFont="1" applyFill="1" applyAlignment="1">
      <alignment horizontal="center"/>
    </xf>
    <xf numFmtId="0" fontId="4" fillId="6" borderId="0" xfId="0" applyFont="1" applyFill="1" applyAlignment="1">
      <alignment horizontal="right"/>
    </xf>
    <xf numFmtId="0" fontId="14" fillId="0" borderId="0" xfId="0" applyFont="1"/>
    <xf numFmtId="0" fontId="21" fillId="0" borderId="0" xfId="0" applyFont="1"/>
    <xf numFmtId="0" fontId="0" fillId="8" borderId="0" xfId="0" applyFill="1"/>
    <xf numFmtId="0" fontId="0" fillId="14" borderId="0" xfId="0" applyFill="1"/>
    <xf numFmtId="0" fontId="0" fillId="10" borderId="0" xfId="0" applyFill="1"/>
    <xf numFmtId="0" fontId="0" fillId="15" borderId="0" xfId="0" applyFill="1"/>
    <xf numFmtId="0" fontId="0" fillId="16" borderId="0" xfId="0" applyFill="1"/>
    <xf numFmtId="0" fontId="29" fillId="18" borderId="22" xfId="2" applyFont="1" applyFill="1" applyBorder="1" applyAlignment="1">
      <alignment horizontal="left" vertical="center" wrapText="1"/>
    </xf>
    <xf numFmtId="0" fontId="29" fillId="18" borderId="23" xfId="2" applyFont="1" applyFill="1" applyBorder="1" applyAlignment="1">
      <alignment horizontal="left" vertical="center" wrapText="1"/>
    </xf>
    <xf numFmtId="0" fontId="29" fillId="18" borderId="24" xfId="2" applyFont="1" applyFill="1" applyBorder="1" applyAlignment="1">
      <alignment horizontal="left" vertical="center" wrapText="1"/>
    </xf>
    <xf numFmtId="0" fontId="29" fillId="18" borderId="25" xfId="2" applyFont="1" applyFill="1" applyBorder="1" applyAlignment="1">
      <alignment horizontal="left" vertical="center" wrapText="1"/>
    </xf>
    <xf numFmtId="0" fontId="29" fillId="18" borderId="0" xfId="2" applyFont="1" applyFill="1" applyBorder="1" applyAlignment="1">
      <alignment horizontal="left" vertical="center" wrapText="1"/>
    </xf>
    <xf numFmtId="0" fontId="29" fillId="18" borderId="26" xfId="2" applyFont="1" applyFill="1" applyBorder="1" applyAlignment="1">
      <alignment horizontal="left" vertical="center" wrapText="1"/>
    </xf>
    <xf numFmtId="0" fontId="29" fillId="18" borderId="27" xfId="2" applyFont="1" applyFill="1" applyBorder="1" applyAlignment="1">
      <alignment horizontal="left" vertical="center" wrapText="1"/>
    </xf>
    <xf numFmtId="0" fontId="29" fillId="18" borderId="28" xfId="2" applyFont="1" applyFill="1" applyBorder="1" applyAlignment="1">
      <alignment horizontal="left" vertical="center" wrapText="1"/>
    </xf>
    <xf numFmtId="0" fontId="29" fillId="18" borderId="29" xfId="2" applyFont="1" applyFill="1" applyBorder="1" applyAlignment="1">
      <alignment horizontal="left" vertical="center" wrapText="1"/>
    </xf>
    <xf numFmtId="0" fontId="16" fillId="18" borderId="19" xfId="0" applyFont="1" applyFill="1" applyBorder="1" applyAlignment="1">
      <alignment horizontal="left"/>
    </xf>
    <xf numFmtId="0" fontId="16" fillId="18" borderId="20" xfId="0" applyFont="1" applyFill="1" applyBorder="1" applyAlignment="1">
      <alignment horizontal="left"/>
    </xf>
    <xf numFmtId="0" fontId="16" fillId="18" borderId="21" xfId="0" applyFont="1" applyFill="1" applyBorder="1" applyAlignment="1">
      <alignment horizontal="left"/>
    </xf>
    <xf numFmtId="0" fontId="11" fillId="3" borderId="19" xfId="0" applyFont="1" applyFill="1" applyBorder="1" applyAlignment="1">
      <alignment horizontal="left" vertical="top" wrapText="1"/>
    </xf>
    <xf numFmtId="0" fontId="11" fillId="3" borderId="20" xfId="0" applyFont="1" applyFill="1" applyBorder="1" applyAlignment="1">
      <alignment horizontal="left" vertical="top" wrapText="1"/>
    </xf>
    <xf numFmtId="0" fontId="11" fillId="3" borderId="21" xfId="0" applyFont="1" applyFill="1" applyBorder="1" applyAlignment="1">
      <alignment horizontal="left" vertical="top" wrapText="1"/>
    </xf>
    <xf numFmtId="0" fontId="3" fillId="6" borderId="0" xfId="0" applyFont="1" applyFill="1" applyProtection="1">
      <protection locked="0"/>
    </xf>
    <xf numFmtId="0" fontId="7" fillId="6" borderId="0" xfId="0" applyFont="1" applyFill="1" applyAlignment="1" applyProtection="1">
      <alignment vertical="center"/>
      <protection locked="0"/>
    </xf>
    <xf numFmtId="0" fontId="3" fillId="2" borderId="0" xfId="0" applyFont="1" applyFill="1" applyProtection="1">
      <protection locked="0"/>
    </xf>
    <xf numFmtId="0" fontId="3" fillId="3" borderId="0" xfId="0" applyFont="1" applyFill="1" applyProtection="1">
      <protection locked="0"/>
    </xf>
    <xf numFmtId="0" fontId="20" fillId="2" borderId="0" xfId="0" applyFont="1" applyFill="1" applyAlignment="1" applyProtection="1">
      <alignment vertical="center" wrapText="1"/>
      <protection locked="0"/>
    </xf>
    <xf numFmtId="0" fontId="26" fillId="4" borderId="6" xfId="0" applyFont="1" applyFill="1" applyBorder="1" applyAlignment="1" applyProtection="1">
      <alignment horizontal="left" vertical="center" wrapText="1" readingOrder="1"/>
      <protection locked="0"/>
    </xf>
    <xf numFmtId="0" fontId="26" fillId="4" borderId="0" xfId="0" applyFont="1" applyFill="1" applyAlignment="1" applyProtection="1">
      <alignment horizontal="left" vertical="center" wrapText="1" readingOrder="1"/>
      <protection locked="0"/>
    </xf>
    <xf numFmtId="0" fontId="12" fillId="5" borderId="5" xfId="0" applyFont="1" applyFill="1" applyBorder="1" applyAlignment="1" applyProtection="1">
      <alignment horizontal="left" vertical="center" wrapText="1"/>
      <protection locked="0"/>
    </xf>
    <xf numFmtId="0" fontId="2" fillId="17" borderId="7" xfId="0" applyFont="1" applyFill="1" applyBorder="1" applyAlignment="1" applyProtection="1">
      <alignment horizontal="left" vertical="top" wrapText="1"/>
      <protection locked="0"/>
    </xf>
    <xf numFmtId="0" fontId="2" fillId="17" borderId="8" xfId="0" applyFont="1" applyFill="1" applyBorder="1" applyAlignment="1" applyProtection="1">
      <alignment horizontal="left" vertical="top" wrapText="1"/>
      <protection locked="0"/>
    </xf>
    <xf numFmtId="0" fontId="2" fillId="17" borderId="9" xfId="0" applyFont="1" applyFill="1" applyBorder="1" applyAlignment="1" applyProtection="1">
      <alignment horizontal="left" vertical="top"/>
      <protection locked="0"/>
    </xf>
    <xf numFmtId="0" fontId="2" fillId="17" borderId="10" xfId="0" applyFont="1" applyFill="1" applyBorder="1" applyAlignment="1" applyProtection="1">
      <alignment horizontal="left" vertical="top"/>
      <protection locked="0"/>
    </xf>
    <xf numFmtId="0" fontId="2" fillId="17" borderId="0" xfId="0" applyFont="1" applyFill="1" applyAlignment="1" applyProtection="1">
      <alignment horizontal="left" vertical="top"/>
      <protection locked="0"/>
    </xf>
    <xf numFmtId="0" fontId="2" fillId="17" borderId="11" xfId="0" applyFont="1" applyFill="1" applyBorder="1" applyAlignment="1" applyProtection="1">
      <alignment horizontal="left" vertical="top"/>
      <protection locked="0"/>
    </xf>
    <xf numFmtId="0" fontId="2" fillId="17" borderId="12" xfId="0" applyFont="1" applyFill="1" applyBorder="1" applyAlignment="1" applyProtection="1">
      <alignment horizontal="left" vertical="top"/>
      <protection locked="0"/>
    </xf>
    <xf numFmtId="0" fontId="2" fillId="17" borderId="13" xfId="0" applyFont="1" applyFill="1" applyBorder="1" applyAlignment="1" applyProtection="1">
      <alignment horizontal="left" vertical="top"/>
      <protection locked="0"/>
    </xf>
    <xf numFmtId="0" fontId="2" fillId="17" borderId="14" xfId="0" applyFont="1" applyFill="1" applyBorder="1" applyAlignment="1" applyProtection="1">
      <alignment horizontal="left" vertical="top"/>
      <protection locked="0"/>
    </xf>
    <xf numFmtId="0" fontId="11" fillId="4" borderId="7" xfId="0" applyFont="1" applyFill="1" applyBorder="1" applyAlignment="1" applyProtection="1">
      <alignment horizontal="left" vertical="center" wrapText="1"/>
    </xf>
    <xf numFmtId="0" fontId="11" fillId="4" borderId="8" xfId="0" applyFont="1" applyFill="1" applyBorder="1" applyAlignment="1" applyProtection="1">
      <alignment horizontal="left" vertical="center" wrapText="1"/>
    </xf>
    <xf numFmtId="0" fontId="11" fillId="4" borderId="9" xfId="0" applyFont="1" applyFill="1" applyBorder="1" applyAlignment="1" applyProtection="1">
      <alignment horizontal="left" vertical="center" wrapText="1"/>
    </xf>
    <xf numFmtId="0" fontId="11" fillId="4" borderId="10" xfId="0" applyFont="1" applyFill="1" applyBorder="1" applyAlignment="1" applyProtection="1">
      <alignment horizontal="left" vertical="center" wrapText="1"/>
    </xf>
    <xf numFmtId="0" fontId="11" fillId="4" borderId="0" xfId="0" applyFont="1" applyFill="1" applyAlignment="1" applyProtection="1">
      <alignment horizontal="left" vertical="center" wrapText="1"/>
    </xf>
    <xf numFmtId="0" fontId="11" fillId="4" borderId="11" xfId="0" applyFont="1" applyFill="1" applyBorder="1" applyAlignment="1" applyProtection="1">
      <alignment horizontal="left" vertical="center" wrapText="1"/>
    </xf>
    <xf numFmtId="0" fontId="11" fillId="4" borderId="12" xfId="0" applyFont="1" applyFill="1" applyBorder="1" applyAlignment="1" applyProtection="1">
      <alignment horizontal="left" vertical="center" wrapText="1"/>
    </xf>
    <xf numFmtId="0" fontId="11" fillId="4" borderId="13" xfId="0" applyFont="1" applyFill="1" applyBorder="1" applyAlignment="1" applyProtection="1">
      <alignment horizontal="left" vertical="center" wrapText="1"/>
    </xf>
    <xf numFmtId="0" fontId="11" fillId="4" borderId="14" xfId="0" applyFont="1" applyFill="1" applyBorder="1" applyAlignment="1" applyProtection="1">
      <alignment horizontal="left" vertical="center" wrapText="1"/>
    </xf>
    <xf numFmtId="0" fontId="31" fillId="6" borderId="0" xfId="0" applyFont="1" applyFill="1" applyAlignment="1" applyProtection="1">
      <alignment vertical="center"/>
      <protection locked="0"/>
    </xf>
    <xf numFmtId="0" fontId="2" fillId="3" borderId="0" xfId="0" applyFont="1" applyFill="1" applyProtection="1">
      <protection locked="0"/>
    </xf>
    <xf numFmtId="0" fontId="10" fillId="4" borderId="6" xfId="0" applyFont="1" applyFill="1" applyBorder="1" applyAlignment="1" applyProtection="1">
      <alignment horizontal="left" vertical="center" wrapText="1" readingOrder="1"/>
      <protection locked="0"/>
    </xf>
    <xf numFmtId="0" fontId="10" fillId="4" borderId="0" xfId="0" applyFont="1" applyFill="1" applyAlignment="1" applyProtection="1">
      <alignment horizontal="left" vertical="center" wrapText="1" readingOrder="1"/>
      <protection locked="0"/>
    </xf>
    <xf numFmtId="0" fontId="11" fillId="3" borderId="0" xfId="0" applyFont="1" applyFill="1" applyProtection="1">
      <protection locked="0"/>
    </xf>
    <xf numFmtId="0" fontId="12" fillId="5" borderId="6" xfId="0" applyFont="1" applyFill="1" applyBorder="1" applyAlignment="1" applyProtection="1">
      <alignment horizontal="left" vertical="center" wrapText="1"/>
      <protection locked="0"/>
    </xf>
    <xf numFmtId="0" fontId="18" fillId="0" borderId="15" xfId="0" applyFont="1" applyBorder="1" applyAlignment="1" applyProtection="1">
      <alignment vertical="center" wrapText="1"/>
      <protection locked="0"/>
    </xf>
    <xf numFmtId="0" fontId="9" fillId="9" borderId="3" xfId="0" applyFont="1" applyFill="1" applyBorder="1" applyAlignment="1" applyProtection="1">
      <alignment horizontal="center" vertical="center" wrapText="1"/>
    </xf>
    <xf numFmtId="0" fontId="9" fillId="2" borderId="0" xfId="0" applyFont="1" applyFill="1" applyAlignment="1" applyProtection="1">
      <alignment vertical="center" wrapText="1"/>
    </xf>
    <xf numFmtId="0" fontId="9" fillId="9" borderId="4" xfId="0" applyFont="1" applyFill="1" applyBorder="1" applyAlignment="1" applyProtection="1">
      <alignment horizontal="center" vertical="center" wrapText="1"/>
    </xf>
    <xf numFmtId="0" fontId="5" fillId="2" borderId="15" xfId="0" applyFont="1" applyFill="1" applyBorder="1" applyAlignment="1" applyProtection="1">
      <alignment vertical="center" wrapText="1"/>
    </xf>
    <xf numFmtId="0" fontId="5" fillId="2" borderId="16" xfId="0" applyFont="1" applyFill="1" applyBorder="1" applyAlignment="1" applyProtection="1">
      <alignment vertical="center" wrapText="1"/>
    </xf>
    <xf numFmtId="0" fontId="5" fillId="2" borderId="1" xfId="0" applyFont="1" applyFill="1" applyBorder="1" applyAlignment="1" applyProtection="1">
      <alignment vertical="center" wrapText="1"/>
    </xf>
    <xf numFmtId="0" fontId="9" fillId="9" borderId="2" xfId="0" applyFont="1" applyFill="1" applyBorder="1" applyAlignment="1" applyProtection="1">
      <alignment horizontal="center" vertical="center" wrapText="1"/>
    </xf>
    <xf numFmtId="0" fontId="5" fillId="12" borderId="3" xfId="0" applyFont="1" applyFill="1" applyBorder="1" applyAlignment="1" applyProtection="1">
      <alignment horizontal="center" vertical="center" wrapText="1"/>
    </xf>
    <xf numFmtId="0" fontId="5" fillId="12" borderId="4" xfId="0" applyFont="1" applyFill="1" applyBorder="1" applyAlignment="1" applyProtection="1">
      <alignment horizontal="center" vertical="center" wrapText="1"/>
    </xf>
    <xf numFmtId="0" fontId="5" fillId="12" borderId="2" xfId="0" applyFont="1" applyFill="1" applyBorder="1" applyAlignment="1" applyProtection="1">
      <alignment horizontal="center" vertical="center" wrapText="1"/>
    </xf>
    <xf numFmtId="0" fontId="5" fillId="13" borderId="3" xfId="0" applyFont="1" applyFill="1" applyBorder="1" applyAlignment="1" applyProtection="1">
      <alignment horizontal="center" vertical="center" wrapText="1"/>
    </xf>
    <xf numFmtId="0" fontId="5" fillId="13" borderId="4" xfId="0" applyFont="1" applyFill="1" applyBorder="1" applyAlignment="1" applyProtection="1">
      <alignment horizontal="center" vertical="center" wrapText="1"/>
    </xf>
    <xf numFmtId="0" fontId="5" fillId="13" borderId="2" xfId="0" applyFont="1" applyFill="1" applyBorder="1" applyAlignment="1" applyProtection="1">
      <alignment horizontal="center" vertical="center" wrapText="1"/>
    </xf>
    <xf numFmtId="0" fontId="10" fillId="7" borderId="5" xfId="0" applyFont="1" applyFill="1" applyBorder="1" applyAlignment="1" applyProtection="1">
      <alignment horizontal="left" vertical="center" wrapText="1" readingOrder="1"/>
    </xf>
    <xf numFmtId="0" fontId="12" fillId="5" borderId="5" xfId="0" applyFont="1" applyFill="1" applyBorder="1" applyAlignment="1" applyProtection="1">
      <alignment horizontal="left" vertical="center" wrapText="1"/>
    </xf>
    <xf numFmtId="0" fontId="17" fillId="9" borderId="0" xfId="0" applyFont="1" applyFill="1" applyAlignment="1" applyProtection="1">
      <alignment horizontal="center"/>
      <protection locked="0"/>
    </xf>
    <xf numFmtId="0" fontId="0" fillId="0" borderId="0" xfId="0" applyProtection="1">
      <protection locked="0"/>
    </xf>
    <xf numFmtId="0" fontId="6" fillId="9" borderId="0" xfId="0" applyFont="1" applyFill="1" applyAlignment="1" applyProtection="1">
      <alignment horizontal="center"/>
      <protection locked="0"/>
    </xf>
    <xf numFmtId="0" fontId="2" fillId="17" borderId="9" xfId="0" applyFont="1" applyFill="1" applyBorder="1" applyAlignment="1" applyProtection="1">
      <alignment horizontal="left" vertical="top" wrapText="1"/>
      <protection locked="0"/>
    </xf>
    <xf numFmtId="0" fontId="2" fillId="17" borderId="10" xfId="0" applyFont="1" applyFill="1" applyBorder="1" applyAlignment="1" applyProtection="1">
      <alignment horizontal="left" vertical="top" wrapText="1"/>
      <protection locked="0"/>
    </xf>
    <xf numFmtId="0" fontId="2" fillId="17" borderId="0" xfId="0" applyFont="1" applyFill="1" applyAlignment="1" applyProtection="1">
      <alignment horizontal="left" vertical="top" wrapText="1"/>
      <protection locked="0"/>
    </xf>
    <xf numFmtId="0" fontId="2" fillId="17" borderId="11" xfId="0" applyFont="1" applyFill="1" applyBorder="1" applyAlignment="1" applyProtection="1">
      <alignment horizontal="left" vertical="top" wrapText="1"/>
      <protection locked="0"/>
    </xf>
    <xf numFmtId="0" fontId="2" fillId="17" borderId="12" xfId="0" applyFont="1" applyFill="1" applyBorder="1" applyAlignment="1" applyProtection="1">
      <alignment horizontal="left" vertical="top" wrapText="1"/>
      <protection locked="0"/>
    </xf>
    <xf numFmtId="0" fontId="2" fillId="17" borderId="13" xfId="0" applyFont="1" applyFill="1" applyBorder="1" applyAlignment="1" applyProtection="1">
      <alignment horizontal="left" vertical="top" wrapText="1"/>
      <protection locked="0"/>
    </xf>
    <xf numFmtId="0" fontId="2" fillId="17" borderId="14" xfId="0" applyFont="1" applyFill="1" applyBorder="1" applyAlignment="1" applyProtection="1">
      <alignment horizontal="left" vertical="top" wrapText="1"/>
      <protection locked="0"/>
    </xf>
    <xf numFmtId="0" fontId="17" fillId="12" borderId="0" xfId="0" applyFont="1" applyFill="1" applyAlignment="1" applyProtection="1">
      <alignment horizontal="center"/>
      <protection locked="0"/>
    </xf>
    <xf numFmtId="0" fontId="6" fillId="12" borderId="0" xfId="0" applyFont="1" applyFill="1" applyAlignment="1" applyProtection="1">
      <alignment horizontal="center"/>
      <protection locked="0"/>
    </xf>
    <xf numFmtId="0" fontId="17" fillId="13" borderId="0" xfId="0" applyFont="1" applyFill="1" applyAlignment="1" applyProtection="1">
      <alignment horizontal="center"/>
      <protection locked="0"/>
    </xf>
    <xf numFmtId="0" fontId="6" fillId="13" borderId="0" xfId="0" applyFont="1" applyFill="1" applyAlignment="1" applyProtection="1">
      <alignment horizontal="center" wrapText="1"/>
      <protection locked="0"/>
    </xf>
    <xf numFmtId="0" fontId="27" fillId="8" borderId="17" xfId="0" applyFont="1" applyFill="1" applyBorder="1" applyProtection="1"/>
    <xf numFmtId="0" fontId="27" fillId="14" borderId="17" xfId="0" applyFont="1" applyFill="1" applyBorder="1" applyProtection="1"/>
    <xf numFmtId="0" fontId="27" fillId="10" borderId="17" xfId="0" applyFont="1" applyFill="1" applyBorder="1" applyProtection="1"/>
    <xf numFmtId="0" fontId="27" fillId="11" borderId="17" xfId="0" applyFont="1" applyFill="1" applyBorder="1" applyProtection="1"/>
    <xf numFmtId="0" fontId="27" fillId="16" borderId="17" xfId="0" applyFont="1" applyFill="1" applyBorder="1" applyProtection="1"/>
    <xf numFmtId="0" fontId="12" fillId="5" borderId="18" xfId="0" applyFont="1" applyFill="1" applyBorder="1" applyAlignment="1" applyProtection="1">
      <alignment horizontal="left" vertical="center" wrapText="1"/>
    </xf>
    <xf numFmtId="0" fontId="12" fillId="5" borderId="0" xfId="0" applyFont="1" applyFill="1" applyAlignment="1" applyProtection="1">
      <alignment horizontal="left" vertical="center" wrapText="1"/>
    </xf>
  </cellXfs>
  <cellStyles count="3">
    <cellStyle name="Hyperkobling" xfId="2" builtinId="8"/>
    <cellStyle name="Normal" xfId="0" builtinId="0"/>
    <cellStyle name="Normal 13" xfId="1" xr:uid="{4ECD7730-2B9A-4C8F-B41F-F1C00C81C5B0}"/>
  </cellStyles>
  <dxfs count="6">
    <dxf>
      <font>
        <color auto="1"/>
      </font>
      <fill>
        <patternFill patternType="solid">
          <fgColor auto="1"/>
          <bgColor rgb="FFFEAA9C"/>
        </patternFill>
      </fill>
    </dxf>
    <dxf>
      <font>
        <color auto="1"/>
      </font>
      <fill>
        <patternFill>
          <bgColor rgb="FFCE080D"/>
        </patternFill>
      </fill>
    </dxf>
    <dxf>
      <font>
        <color auto="1"/>
      </font>
      <fill>
        <patternFill>
          <bgColor rgb="FF548235"/>
        </patternFill>
      </fill>
    </dxf>
    <dxf>
      <font>
        <color auto="1"/>
      </font>
      <fill>
        <patternFill>
          <bgColor rgb="FFA5A5A5"/>
        </patternFill>
      </fill>
    </dxf>
    <dxf>
      <font>
        <color auto="1"/>
      </font>
      <fill>
        <patternFill>
          <bgColor rgb="FFF36D77"/>
        </patternFill>
      </fill>
    </dxf>
    <dxf>
      <font>
        <color auto="1"/>
      </font>
      <fill>
        <patternFill>
          <bgColor rgb="FFDBDBDB"/>
        </patternFill>
      </fill>
    </dxf>
  </dxfs>
  <tableStyles count="0" defaultTableStyle="TableStyleMedium2" defaultPivotStyle="PivotStyleLight16"/>
  <colors>
    <mruColors>
      <color rgb="FFFE685C"/>
      <color rgb="FFF36D77"/>
      <color rgb="FFCE080D"/>
      <color rgb="FFA5A5A5"/>
      <color rgb="FFC6E0B4"/>
      <color rgb="FF70AD47"/>
      <color rgb="FFFEAA9C"/>
      <color rgb="FFCC685C"/>
      <color rgb="FFFABD26"/>
      <color rgb="FF45556B"/>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eetMetadata" Target="metadata.xml"/><Relationship Id="rId14"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8" Type="http://schemas.openxmlformats.org/officeDocument/2006/relationships/image" Target="../media/image8.png"/><Relationship Id="rId3" Type="http://schemas.openxmlformats.org/officeDocument/2006/relationships/image" Target="../media/image3.png"/><Relationship Id="rId7" Type="http://schemas.openxmlformats.org/officeDocument/2006/relationships/image" Target="../media/image7.png"/><Relationship Id="rId2" Type="http://schemas.openxmlformats.org/officeDocument/2006/relationships/image" Target="../media/image2.png"/><Relationship Id="rId1" Type="http://schemas.openxmlformats.org/officeDocument/2006/relationships/image" Target="../media/image1.png"/><Relationship Id="rId6" Type="http://schemas.openxmlformats.org/officeDocument/2006/relationships/image" Target="../media/image6.png"/><Relationship Id="rId11" Type="http://schemas.openxmlformats.org/officeDocument/2006/relationships/image" Target="../media/image11.png"/><Relationship Id="rId5" Type="http://schemas.openxmlformats.org/officeDocument/2006/relationships/image" Target="../media/image5.png"/><Relationship Id="rId10" Type="http://schemas.openxmlformats.org/officeDocument/2006/relationships/image" Target="../media/image10.png"/><Relationship Id="rId4" Type="http://schemas.openxmlformats.org/officeDocument/2006/relationships/image" Target="../media/image4.png"/><Relationship Id="rId9" Type="http://schemas.openxmlformats.org/officeDocument/2006/relationships/image" Target="../media/image9.png"/></Relationships>
</file>

<file path=xl/drawings/drawing1.xml><?xml version="1.0" encoding="utf-8"?>
<xdr:wsDr xmlns:xdr="http://schemas.openxmlformats.org/drawingml/2006/spreadsheetDrawing" xmlns:a="http://schemas.openxmlformats.org/drawingml/2006/main">
  <xdr:twoCellAnchor editAs="oneCell">
    <xdr:from>
      <xdr:col>1</xdr:col>
      <xdr:colOff>119270</xdr:colOff>
      <xdr:row>3</xdr:row>
      <xdr:rowOff>1502797</xdr:rowOff>
    </xdr:from>
    <xdr:to>
      <xdr:col>4</xdr:col>
      <xdr:colOff>124285</xdr:colOff>
      <xdr:row>5</xdr:row>
      <xdr:rowOff>244502</xdr:rowOff>
    </xdr:to>
    <xdr:pic>
      <xdr:nvPicPr>
        <xdr:cNvPr id="2" name="Bilde 1" descr="Et bilde som inneholder sort, mørke, sort og hvit&#10;&#10;KI-generert innhold kan være feil.">
          <a:extLst>
            <a:ext uri="{FF2B5EF4-FFF2-40B4-BE49-F238E27FC236}">
              <a16:creationId xmlns:a16="http://schemas.microsoft.com/office/drawing/2014/main" id="{0C2E1BB4-8317-4D56-B0F8-6135755B356E}"/>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357809" y="2751152"/>
          <a:ext cx="2414260" cy="731519"/>
        </a:xfrm>
        <a:prstGeom prst="rect">
          <a:avLst/>
        </a:prstGeom>
      </xdr:spPr>
    </xdr:pic>
    <xdr:clientData/>
  </xdr:twoCellAnchor>
  <xdr:twoCellAnchor editAs="oneCell">
    <xdr:from>
      <xdr:col>9</xdr:col>
      <xdr:colOff>566311</xdr:colOff>
      <xdr:row>4</xdr:row>
      <xdr:rowOff>238538</xdr:rowOff>
    </xdr:from>
    <xdr:to>
      <xdr:col>10</xdr:col>
      <xdr:colOff>131477</xdr:colOff>
      <xdr:row>5</xdr:row>
      <xdr:rowOff>174927</xdr:rowOff>
    </xdr:to>
    <xdr:pic>
      <xdr:nvPicPr>
        <xdr:cNvPr id="3" name="Bilde 2" descr="Et bilde som inneholder Grafikk, Font, grafisk design, skjermbilde&#10;&#10;KI-generert innhold kan være feil.">
          <a:extLst>
            <a:ext uri="{FF2B5EF4-FFF2-40B4-BE49-F238E27FC236}">
              <a16:creationId xmlns:a16="http://schemas.microsoft.com/office/drawing/2014/main" id="{FB2D02E8-25CC-4E04-8150-C6995871F332}"/>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a:fillRect/>
        </a:stretch>
      </xdr:blipFill>
      <xdr:spPr>
        <a:xfrm>
          <a:off x="7968975" y="3069202"/>
          <a:ext cx="662446" cy="254442"/>
        </a:xfrm>
        <a:prstGeom prst="rect">
          <a:avLst/>
        </a:prstGeom>
      </xdr:spPr>
    </xdr:pic>
    <xdr:clientData/>
  </xdr:twoCellAnchor>
  <xdr:twoCellAnchor editAs="oneCell">
    <xdr:from>
      <xdr:col>4</xdr:col>
      <xdr:colOff>341906</xdr:colOff>
      <xdr:row>4</xdr:row>
      <xdr:rowOff>82648</xdr:rowOff>
    </xdr:from>
    <xdr:to>
      <xdr:col>4</xdr:col>
      <xdr:colOff>832238</xdr:colOff>
      <xdr:row>6</xdr:row>
      <xdr:rowOff>33540</xdr:rowOff>
    </xdr:to>
    <xdr:pic>
      <xdr:nvPicPr>
        <xdr:cNvPr id="4" name="Bilde 3" descr="Til startsiden">
          <a:extLst>
            <a:ext uri="{FF2B5EF4-FFF2-40B4-BE49-F238E27FC236}">
              <a16:creationId xmlns:a16="http://schemas.microsoft.com/office/drawing/2014/main" id="{6C29F63E-E61F-439C-A84D-FDCDC05A3149}"/>
            </a:ext>
          </a:extLst>
        </xdr:cNvPr>
        <xdr:cNvPicPr>
          <a:picLocks noChangeAspect="1" noChangeArrowheads="1"/>
        </xdr:cNvPicPr>
      </xdr:nvPicPr>
      <xdr:blipFill rotWithShape="1">
        <a:blip xmlns:r="http://schemas.openxmlformats.org/officeDocument/2006/relationships" r:embed="rId3" cstate="print">
          <a:extLst>
            <a:ext uri="{28A0092B-C50C-407E-A947-70E740481C1C}">
              <a14:useLocalDpi xmlns:a14="http://schemas.microsoft.com/office/drawing/2010/main" val="0"/>
            </a:ext>
          </a:extLst>
        </a:blip>
        <a:srcRect r="81636"/>
        <a:stretch/>
      </xdr:blipFill>
      <xdr:spPr bwMode="auto">
        <a:xfrm>
          <a:off x="2989690" y="2913312"/>
          <a:ext cx="490332" cy="58699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4</xdr:col>
      <xdr:colOff>776580</xdr:colOff>
      <xdr:row>4</xdr:row>
      <xdr:rowOff>87462</xdr:rowOff>
    </xdr:from>
    <xdr:to>
      <xdr:col>5</xdr:col>
      <xdr:colOff>291550</xdr:colOff>
      <xdr:row>6</xdr:row>
      <xdr:rowOff>63607</xdr:rowOff>
    </xdr:to>
    <xdr:pic>
      <xdr:nvPicPr>
        <xdr:cNvPr id="5" name="Bilde 4">
          <a:extLst>
            <a:ext uri="{FF2B5EF4-FFF2-40B4-BE49-F238E27FC236}">
              <a16:creationId xmlns:a16="http://schemas.microsoft.com/office/drawing/2014/main" id="{9365F27C-8EEB-4994-A1CD-BF8426960387}"/>
            </a:ext>
          </a:extLst>
        </xdr:cNvPr>
        <xdr:cNvPicPr>
          <a:picLocks noChangeAspect="1"/>
        </xdr:cNvPicPr>
      </xdr:nvPicPr>
      <xdr:blipFill>
        <a:blip xmlns:r="http://schemas.openxmlformats.org/officeDocument/2006/relationships" r:embed="rId4"/>
        <a:stretch>
          <a:fillRect/>
        </a:stretch>
      </xdr:blipFill>
      <xdr:spPr>
        <a:xfrm>
          <a:off x="3424364" y="2918126"/>
          <a:ext cx="612250" cy="612250"/>
        </a:xfrm>
        <a:prstGeom prst="rect">
          <a:avLst/>
        </a:prstGeom>
      </xdr:spPr>
    </xdr:pic>
    <xdr:clientData/>
  </xdr:twoCellAnchor>
  <xdr:twoCellAnchor editAs="oneCell">
    <xdr:from>
      <xdr:col>5</xdr:col>
      <xdr:colOff>259745</xdr:colOff>
      <xdr:row>4</xdr:row>
      <xdr:rowOff>87464</xdr:rowOff>
    </xdr:from>
    <xdr:to>
      <xdr:col>5</xdr:col>
      <xdr:colOff>792482</xdr:colOff>
      <xdr:row>6</xdr:row>
      <xdr:rowOff>85569</xdr:rowOff>
    </xdr:to>
    <xdr:pic>
      <xdr:nvPicPr>
        <xdr:cNvPr id="6" name="Bilde 5">
          <a:extLst>
            <a:ext uri="{FF2B5EF4-FFF2-40B4-BE49-F238E27FC236}">
              <a16:creationId xmlns:a16="http://schemas.microsoft.com/office/drawing/2014/main" id="{7ED37957-D366-465F-9D9C-134510470EF0}"/>
            </a:ext>
          </a:extLst>
        </xdr:cNvPr>
        <xdr:cNvPicPr>
          <a:picLocks noChangeAspect="1"/>
        </xdr:cNvPicPr>
      </xdr:nvPicPr>
      <xdr:blipFill>
        <a:blip xmlns:r="http://schemas.openxmlformats.org/officeDocument/2006/relationships" r:embed="rId5"/>
        <a:stretch>
          <a:fillRect/>
        </a:stretch>
      </xdr:blipFill>
      <xdr:spPr>
        <a:xfrm>
          <a:off x="4004809" y="2918128"/>
          <a:ext cx="532737" cy="634210"/>
        </a:xfrm>
        <a:prstGeom prst="rect">
          <a:avLst/>
        </a:prstGeom>
      </xdr:spPr>
    </xdr:pic>
    <xdr:clientData/>
  </xdr:twoCellAnchor>
  <xdr:twoCellAnchor editAs="oneCell">
    <xdr:from>
      <xdr:col>5</xdr:col>
      <xdr:colOff>824288</xdr:colOff>
      <xdr:row>4</xdr:row>
      <xdr:rowOff>95876</xdr:rowOff>
    </xdr:from>
    <xdr:to>
      <xdr:col>6</xdr:col>
      <xdr:colOff>263886</xdr:colOff>
      <xdr:row>6</xdr:row>
      <xdr:rowOff>63609</xdr:rowOff>
    </xdr:to>
    <xdr:pic>
      <xdr:nvPicPr>
        <xdr:cNvPr id="7" name="Bilde 6">
          <a:extLst>
            <a:ext uri="{FF2B5EF4-FFF2-40B4-BE49-F238E27FC236}">
              <a16:creationId xmlns:a16="http://schemas.microsoft.com/office/drawing/2014/main" id="{C06C06C0-696B-444B-A884-9F16DB29A640}"/>
            </a:ext>
          </a:extLst>
        </xdr:cNvPr>
        <xdr:cNvPicPr>
          <a:picLocks noChangeAspect="1"/>
        </xdr:cNvPicPr>
      </xdr:nvPicPr>
      <xdr:blipFill rotWithShape="1">
        <a:blip xmlns:r="http://schemas.openxmlformats.org/officeDocument/2006/relationships" r:embed="rId6"/>
        <a:srcRect r="58761"/>
        <a:stretch/>
      </xdr:blipFill>
      <xdr:spPr>
        <a:xfrm>
          <a:off x="4569352" y="2926540"/>
          <a:ext cx="536878" cy="603838"/>
        </a:xfrm>
        <a:prstGeom prst="rect">
          <a:avLst/>
        </a:prstGeom>
      </xdr:spPr>
    </xdr:pic>
    <xdr:clientData/>
  </xdr:twoCellAnchor>
  <xdr:twoCellAnchor editAs="oneCell">
    <xdr:from>
      <xdr:col>6</xdr:col>
      <xdr:colOff>285366</xdr:colOff>
      <xdr:row>4</xdr:row>
      <xdr:rowOff>87464</xdr:rowOff>
    </xdr:from>
    <xdr:to>
      <xdr:col>6</xdr:col>
      <xdr:colOff>835330</xdr:colOff>
      <xdr:row>6</xdr:row>
      <xdr:rowOff>111316</xdr:rowOff>
    </xdr:to>
    <xdr:pic>
      <xdr:nvPicPr>
        <xdr:cNvPr id="8" name="Bilde 7">
          <a:extLst>
            <a:ext uri="{FF2B5EF4-FFF2-40B4-BE49-F238E27FC236}">
              <a16:creationId xmlns:a16="http://schemas.microsoft.com/office/drawing/2014/main" id="{482A56CF-E89F-496E-B243-3926FD5D8E46}"/>
            </a:ext>
          </a:extLst>
        </xdr:cNvPr>
        <xdr:cNvPicPr>
          <a:picLocks noChangeAspect="1"/>
        </xdr:cNvPicPr>
      </xdr:nvPicPr>
      <xdr:blipFill>
        <a:blip xmlns:r="http://schemas.openxmlformats.org/officeDocument/2006/relationships" r:embed="rId7"/>
        <a:stretch>
          <a:fillRect/>
        </a:stretch>
      </xdr:blipFill>
      <xdr:spPr>
        <a:xfrm>
          <a:off x="5127710" y="2918128"/>
          <a:ext cx="549964" cy="659957"/>
        </a:xfrm>
        <a:prstGeom prst="rect">
          <a:avLst/>
        </a:prstGeom>
      </xdr:spPr>
    </xdr:pic>
    <xdr:clientData/>
  </xdr:twoCellAnchor>
  <xdr:twoCellAnchor editAs="oneCell">
    <xdr:from>
      <xdr:col>6</xdr:col>
      <xdr:colOff>865811</xdr:colOff>
      <xdr:row>4</xdr:row>
      <xdr:rowOff>103368</xdr:rowOff>
    </xdr:from>
    <xdr:to>
      <xdr:col>7</xdr:col>
      <xdr:colOff>298617</xdr:colOff>
      <xdr:row>6</xdr:row>
      <xdr:rowOff>63999</xdr:rowOff>
    </xdr:to>
    <xdr:pic>
      <xdr:nvPicPr>
        <xdr:cNvPr id="9" name="Bilde 8">
          <a:extLst>
            <a:ext uri="{FF2B5EF4-FFF2-40B4-BE49-F238E27FC236}">
              <a16:creationId xmlns:a16="http://schemas.microsoft.com/office/drawing/2014/main" id="{65161D99-9ED6-44B4-82AC-8DC34329A5B6}"/>
            </a:ext>
          </a:extLst>
        </xdr:cNvPr>
        <xdr:cNvPicPr>
          <a:picLocks noChangeAspect="1"/>
        </xdr:cNvPicPr>
      </xdr:nvPicPr>
      <xdr:blipFill rotWithShape="1">
        <a:blip xmlns:r="http://schemas.openxmlformats.org/officeDocument/2006/relationships" r:embed="rId8"/>
        <a:srcRect r="84982"/>
        <a:stretch/>
      </xdr:blipFill>
      <xdr:spPr>
        <a:xfrm>
          <a:off x="5708155" y="2934032"/>
          <a:ext cx="530086" cy="596736"/>
        </a:xfrm>
        <a:prstGeom prst="rect">
          <a:avLst/>
        </a:prstGeom>
      </xdr:spPr>
    </xdr:pic>
    <xdr:clientData/>
  </xdr:twoCellAnchor>
  <xdr:twoCellAnchor editAs="oneCell">
    <xdr:from>
      <xdr:col>7</xdr:col>
      <xdr:colOff>322472</xdr:colOff>
      <xdr:row>4</xdr:row>
      <xdr:rowOff>95414</xdr:rowOff>
    </xdr:from>
    <xdr:to>
      <xdr:col>8</xdr:col>
      <xdr:colOff>491040</xdr:colOff>
      <xdr:row>6</xdr:row>
      <xdr:rowOff>95414</xdr:rowOff>
    </xdr:to>
    <xdr:pic>
      <xdr:nvPicPr>
        <xdr:cNvPr id="10" name="Bilde 9">
          <a:extLst>
            <a:ext uri="{FF2B5EF4-FFF2-40B4-BE49-F238E27FC236}">
              <a16:creationId xmlns:a16="http://schemas.microsoft.com/office/drawing/2014/main" id="{7965864D-0E8D-4897-ACC7-B71BB87A33E7}"/>
            </a:ext>
          </a:extLst>
        </xdr:cNvPr>
        <xdr:cNvPicPr>
          <a:picLocks noChangeAspect="1"/>
        </xdr:cNvPicPr>
      </xdr:nvPicPr>
      <xdr:blipFill>
        <a:blip xmlns:r="http://schemas.openxmlformats.org/officeDocument/2006/relationships" r:embed="rId9"/>
        <a:stretch>
          <a:fillRect/>
        </a:stretch>
      </xdr:blipFill>
      <xdr:spPr>
        <a:xfrm>
          <a:off x="6262096" y="2926078"/>
          <a:ext cx="534328" cy="636105"/>
        </a:xfrm>
        <a:prstGeom prst="rect">
          <a:avLst/>
        </a:prstGeom>
      </xdr:spPr>
    </xdr:pic>
    <xdr:clientData/>
  </xdr:twoCellAnchor>
  <xdr:twoCellAnchor editAs="oneCell">
    <xdr:from>
      <xdr:col>8</xdr:col>
      <xdr:colOff>521254</xdr:colOff>
      <xdr:row>4</xdr:row>
      <xdr:rowOff>103367</xdr:rowOff>
    </xdr:from>
    <xdr:to>
      <xdr:col>8</xdr:col>
      <xdr:colOff>1007294</xdr:colOff>
      <xdr:row>6</xdr:row>
      <xdr:rowOff>79511</xdr:rowOff>
    </xdr:to>
    <xdr:pic>
      <xdr:nvPicPr>
        <xdr:cNvPr id="11" name="Bilde 10">
          <a:extLst>
            <a:ext uri="{FF2B5EF4-FFF2-40B4-BE49-F238E27FC236}">
              <a16:creationId xmlns:a16="http://schemas.microsoft.com/office/drawing/2014/main" id="{445D1EDF-082C-4D95-B782-78F197FA4AB5}"/>
            </a:ext>
          </a:extLst>
        </xdr:cNvPr>
        <xdr:cNvPicPr>
          <a:picLocks noChangeAspect="1"/>
        </xdr:cNvPicPr>
      </xdr:nvPicPr>
      <xdr:blipFill rotWithShape="1">
        <a:blip xmlns:r="http://schemas.openxmlformats.org/officeDocument/2006/relationships" r:embed="rId10"/>
        <a:srcRect r="76043"/>
        <a:stretch/>
      </xdr:blipFill>
      <xdr:spPr>
        <a:xfrm>
          <a:off x="6826638" y="2934031"/>
          <a:ext cx="486040" cy="612249"/>
        </a:xfrm>
        <a:prstGeom prst="rect">
          <a:avLst/>
        </a:prstGeom>
      </xdr:spPr>
    </xdr:pic>
    <xdr:clientData/>
  </xdr:twoCellAnchor>
  <xdr:twoCellAnchor editAs="oneCell">
    <xdr:from>
      <xdr:col>8</xdr:col>
      <xdr:colOff>1046041</xdr:colOff>
      <xdr:row>4</xdr:row>
      <xdr:rowOff>86039</xdr:rowOff>
    </xdr:from>
    <xdr:to>
      <xdr:col>9</xdr:col>
      <xdr:colOff>456441</xdr:colOff>
      <xdr:row>6</xdr:row>
      <xdr:rowOff>71560</xdr:rowOff>
    </xdr:to>
    <xdr:pic>
      <xdr:nvPicPr>
        <xdr:cNvPr id="12" name="Bilde 11">
          <a:extLst>
            <a:ext uri="{FF2B5EF4-FFF2-40B4-BE49-F238E27FC236}">
              <a16:creationId xmlns:a16="http://schemas.microsoft.com/office/drawing/2014/main" id="{A2FB56E4-6C68-499F-8212-291AA2DD2149}"/>
            </a:ext>
          </a:extLst>
        </xdr:cNvPr>
        <xdr:cNvPicPr>
          <a:picLocks noChangeAspect="1"/>
        </xdr:cNvPicPr>
      </xdr:nvPicPr>
      <xdr:blipFill rotWithShape="1">
        <a:blip xmlns:r="http://schemas.openxmlformats.org/officeDocument/2006/relationships" r:embed="rId11"/>
        <a:srcRect r="74347"/>
        <a:stretch/>
      </xdr:blipFill>
      <xdr:spPr>
        <a:xfrm>
          <a:off x="7351425" y="2916703"/>
          <a:ext cx="507680" cy="621626"/>
        </a:xfrm>
        <a:prstGeom prst="rect">
          <a:avLst/>
        </a:prstGeom>
      </xdr:spPr>
    </xdr:pic>
    <xdr:clientData/>
  </xdr:twoCellAnchor>
</xdr:wsDr>
</file>

<file path=xl/theme/theme1.xml><?xml version="1.0" encoding="utf-8"?>
<a:theme xmlns:a="http://schemas.openxmlformats.org/drawingml/2006/main" name="Office 2013 – 2022-tema">
  <a:themeElements>
    <a:clrScheme name="Office 2013–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2.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ABFED78-4D6B-44EE-91FE-DFE1B9D88C8B}">
  <dimension ref="A3:A10"/>
  <sheetViews>
    <sheetView showGridLines="0" zoomScale="90" zoomScaleNormal="90" workbookViewId="0">
      <selection activeCell="A6" sqref="A6"/>
    </sheetView>
  </sheetViews>
  <sheetFormatPr baseColWidth="10" defaultColWidth="11.44140625" defaultRowHeight="15.05" x14ac:dyDescent="0.3"/>
  <cols>
    <col min="1" max="1" width="34.88671875" bestFit="1" customWidth="1"/>
    <col min="4" max="4" width="34.88671875" bestFit="1" customWidth="1"/>
  </cols>
  <sheetData>
    <row r="3" spans="1:1" x14ac:dyDescent="0.3">
      <c r="A3" s="9" t="s">
        <v>0</v>
      </c>
    </row>
    <row r="5" spans="1:1" x14ac:dyDescent="0.3">
      <c r="A5" s="10" t="s">
        <v>1</v>
      </c>
    </row>
    <row r="6" spans="1:1" x14ac:dyDescent="0.3">
      <c r="A6" s="11" t="s">
        <v>2</v>
      </c>
    </row>
    <row r="7" spans="1:1" x14ac:dyDescent="0.3">
      <c r="A7" s="12" t="s">
        <v>3</v>
      </c>
    </row>
    <row r="8" spans="1:1" x14ac:dyDescent="0.3">
      <c r="A8" s="13" t="s">
        <v>4</v>
      </c>
    </row>
    <row r="9" spans="1:1" x14ac:dyDescent="0.3">
      <c r="A9" s="14" t="s">
        <v>5</v>
      </c>
    </row>
    <row r="10" spans="1:1" x14ac:dyDescent="0.3">
      <c r="A10" s="15" t="s">
        <v>6</v>
      </c>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20927CB-C24F-4596-920A-3843C583F67B}">
  <sheetPr>
    <tabColor theme="3" tint="-0.499984740745262"/>
  </sheetPr>
  <dimension ref="A1:N144"/>
  <sheetViews>
    <sheetView zoomScaleNormal="100" workbookViewId="0">
      <selection activeCell="C10" sqref="C10:G17"/>
    </sheetView>
  </sheetViews>
  <sheetFormatPr baseColWidth="10" defaultColWidth="10.6640625" defaultRowHeight="15.05" outlineLevelRow="1" x14ac:dyDescent="0.3"/>
  <cols>
    <col min="1" max="1" width="3.33203125" style="1" customWidth="1"/>
    <col min="2" max="2" width="3" style="2" customWidth="1"/>
    <col min="3" max="7" width="15.33203125" style="2" customWidth="1"/>
    <col min="8" max="8" width="5.109375" style="2" customWidth="1"/>
    <col min="9" max="13" width="15.33203125" style="2" customWidth="1"/>
    <col min="14" max="14" width="2.6640625" style="2" customWidth="1"/>
    <col min="15" max="15" width="4.6640625" style="2" customWidth="1"/>
    <col min="16" max="16" width="7.6640625" style="2" customWidth="1"/>
    <col min="17" max="17" width="10.6640625" style="2"/>
    <col min="18" max="18" width="4.44140625" style="2" customWidth="1"/>
    <col min="19" max="19" width="4.6640625" style="2" customWidth="1"/>
    <col min="20" max="21" width="10.6640625" style="2"/>
    <col min="22" max="22" width="2.5546875" style="2" customWidth="1"/>
    <col min="23" max="23" width="4.6640625" style="2" customWidth="1"/>
    <col min="24" max="25" width="10.6640625" style="2"/>
    <col min="26" max="26" width="2.5546875" style="2" customWidth="1"/>
    <col min="27" max="27" width="4.6640625" style="2" customWidth="1"/>
    <col min="28" max="29" width="10.6640625" style="2"/>
    <col min="30" max="30" width="2.5546875" style="2" customWidth="1"/>
    <col min="31" max="31" width="4.5546875" style="2" customWidth="1"/>
    <col min="32" max="16384" width="10.6640625" style="2"/>
  </cols>
  <sheetData>
    <row r="1" spans="2:13" s="4" customFormat="1" ht="59.95" customHeight="1" x14ac:dyDescent="0.3">
      <c r="B1" s="3" t="s">
        <v>64</v>
      </c>
    </row>
    <row r="2" spans="2:13" ht="11.9" customHeight="1" x14ac:dyDescent="0.3"/>
    <row r="3" spans="2:13" ht="27.25" customHeight="1" x14ac:dyDescent="0.35">
      <c r="C3" s="25" t="s">
        <v>7</v>
      </c>
      <c r="D3" s="26"/>
      <c r="E3" s="26"/>
      <c r="F3" s="26"/>
      <c r="G3" s="26"/>
      <c r="H3" s="26"/>
      <c r="I3" s="26"/>
      <c r="J3" s="26"/>
      <c r="K3" s="26"/>
      <c r="L3" s="26"/>
      <c r="M3" s="27"/>
    </row>
    <row r="4" spans="2:13" ht="131.35" customHeight="1" x14ac:dyDescent="0.3">
      <c r="C4" s="28" t="s">
        <v>65</v>
      </c>
      <c r="D4" s="29"/>
      <c r="E4" s="29"/>
      <c r="F4" s="29"/>
      <c r="G4" s="29"/>
      <c r="H4" s="29"/>
      <c r="I4" s="29"/>
      <c r="J4" s="29"/>
      <c r="K4" s="29"/>
      <c r="L4" s="29"/>
      <c r="M4" s="30"/>
    </row>
    <row r="5" spans="2:13" ht="25.2" customHeight="1" x14ac:dyDescent="0.3"/>
    <row r="6" spans="2:13" ht="25.2" customHeight="1" x14ac:dyDescent="0.3"/>
    <row r="7" spans="2:13" ht="25.2" customHeight="1" x14ac:dyDescent="0.3"/>
    <row r="8" spans="2:13" ht="25.2" customHeight="1" x14ac:dyDescent="0.35">
      <c r="C8" s="25" t="s">
        <v>8</v>
      </c>
      <c r="D8" s="26"/>
      <c r="E8" s="26"/>
      <c r="F8" s="26"/>
      <c r="G8" s="26"/>
      <c r="H8" s="26"/>
      <c r="I8" s="26"/>
      <c r="J8" s="26"/>
      <c r="K8" s="26"/>
      <c r="L8" s="26"/>
      <c r="M8" s="27"/>
    </row>
    <row r="9" spans="2:13" ht="6.3" customHeight="1" x14ac:dyDescent="0.3"/>
    <row r="10" spans="2:13" ht="25.2" customHeight="1" x14ac:dyDescent="0.3">
      <c r="C10" s="16" t="s">
        <v>9</v>
      </c>
      <c r="D10" s="17"/>
      <c r="E10" s="17"/>
      <c r="F10" s="17"/>
      <c r="G10" s="18"/>
      <c r="I10" s="16" t="s">
        <v>10</v>
      </c>
      <c r="J10" s="17"/>
      <c r="K10" s="17"/>
      <c r="L10" s="17"/>
      <c r="M10" s="18"/>
    </row>
    <row r="11" spans="2:13" ht="25.2" customHeight="1" x14ac:dyDescent="0.3">
      <c r="C11" s="19"/>
      <c r="D11" s="20"/>
      <c r="E11" s="20"/>
      <c r="F11" s="20"/>
      <c r="G11" s="21"/>
      <c r="I11" s="19"/>
      <c r="J11" s="20"/>
      <c r="K11" s="20"/>
      <c r="L11" s="20"/>
      <c r="M11" s="21"/>
    </row>
    <row r="12" spans="2:13" ht="25.2" customHeight="1" x14ac:dyDescent="0.3">
      <c r="C12" s="19"/>
      <c r="D12" s="20"/>
      <c r="E12" s="20"/>
      <c r="F12" s="20"/>
      <c r="G12" s="21"/>
      <c r="I12" s="19"/>
      <c r="J12" s="20"/>
      <c r="K12" s="20"/>
      <c r="L12" s="20"/>
      <c r="M12" s="21"/>
    </row>
    <row r="13" spans="2:13" ht="25.2" customHeight="1" x14ac:dyDescent="0.3">
      <c r="C13" s="19"/>
      <c r="D13" s="20"/>
      <c r="E13" s="20"/>
      <c r="F13" s="20"/>
      <c r="G13" s="21"/>
      <c r="I13" s="19"/>
      <c r="J13" s="20"/>
      <c r="K13" s="20"/>
      <c r="L13" s="20"/>
      <c r="M13" s="21"/>
    </row>
    <row r="14" spans="2:13" ht="25.2" customHeight="1" x14ac:dyDescent="0.3">
      <c r="C14" s="19"/>
      <c r="D14" s="20"/>
      <c r="E14" s="20"/>
      <c r="F14" s="20"/>
      <c r="G14" s="21"/>
      <c r="I14" s="19"/>
      <c r="J14" s="20"/>
      <c r="K14" s="20"/>
      <c r="L14" s="20"/>
      <c r="M14" s="21"/>
    </row>
    <row r="15" spans="2:13" ht="25.2" customHeight="1" x14ac:dyDescent="0.3">
      <c r="C15" s="19"/>
      <c r="D15" s="20"/>
      <c r="E15" s="20"/>
      <c r="F15" s="20"/>
      <c r="G15" s="21"/>
      <c r="I15" s="19"/>
      <c r="J15" s="20"/>
      <c r="K15" s="20"/>
      <c r="L15" s="20"/>
      <c r="M15" s="21"/>
    </row>
    <row r="16" spans="2:13" ht="25.2" customHeight="1" x14ac:dyDescent="0.3">
      <c r="C16" s="19"/>
      <c r="D16" s="20"/>
      <c r="E16" s="20"/>
      <c r="F16" s="20"/>
      <c r="G16" s="21"/>
      <c r="I16" s="19"/>
      <c r="J16" s="20"/>
      <c r="K16" s="20"/>
      <c r="L16" s="20"/>
      <c r="M16" s="21"/>
    </row>
    <row r="17" spans="3:14" ht="25.2" customHeight="1" x14ac:dyDescent="0.3">
      <c r="C17" s="22"/>
      <c r="D17" s="23"/>
      <c r="E17" s="23"/>
      <c r="F17" s="23"/>
      <c r="G17" s="24"/>
      <c r="I17" s="22"/>
      <c r="J17" s="23"/>
      <c r="K17" s="23"/>
      <c r="L17" s="23"/>
      <c r="M17" s="24"/>
    </row>
    <row r="18" spans="3:14" ht="25.2" customHeight="1" x14ac:dyDescent="0.3"/>
    <row r="19" spans="3:14" ht="25.2" customHeight="1" x14ac:dyDescent="0.3"/>
    <row r="20" spans="3:14" s="1" customFormat="1" ht="25.2" customHeight="1" outlineLevel="1" x14ac:dyDescent="0.3"/>
    <row r="21" spans="3:14" s="1" customFormat="1" ht="25.2" customHeight="1" outlineLevel="1" x14ac:dyDescent="0.3"/>
    <row r="22" spans="3:14" s="1" customFormat="1" ht="25.2" customHeight="1" outlineLevel="1" x14ac:dyDescent="0.3"/>
    <row r="23" spans="3:14" s="1" customFormat="1" ht="25.2" customHeight="1" outlineLevel="1" x14ac:dyDescent="0.3"/>
    <row r="24" spans="3:14" s="4" customFormat="1" ht="10.199999999999999" customHeight="1" outlineLevel="1" x14ac:dyDescent="0.3"/>
    <row r="25" spans="3:14" s="4" customFormat="1" ht="25.2" customHeight="1" x14ac:dyDescent="0.3"/>
    <row r="26" spans="3:14" s="4" customFormat="1" ht="25.2" customHeight="1" x14ac:dyDescent="0.3"/>
    <row r="27" spans="3:14" s="4" customFormat="1" ht="25.2" customHeight="1" x14ac:dyDescent="0.3">
      <c r="I27" s="6"/>
      <c r="J27" s="7"/>
      <c r="K27" s="7"/>
      <c r="L27" s="7"/>
      <c r="M27" s="5"/>
      <c r="N27" s="5"/>
    </row>
    <row r="28" spans="3:14" s="4" customFormat="1" ht="25.2" customHeight="1" x14ac:dyDescent="0.3">
      <c r="I28" s="8"/>
      <c r="J28" s="5"/>
      <c r="K28" s="5"/>
      <c r="L28" s="5"/>
      <c r="M28" s="5"/>
    </row>
    <row r="29" spans="3:14" s="4" customFormat="1" ht="25.2" customHeight="1" x14ac:dyDescent="0.3">
      <c r="I29" s="8"/>
      <c r="J29" s="5"/>
      <c r="K29" s="5"/>
      <c r="L29" s="5"/>
      <c r="M29" s="5"/>
    </row>
    <row r="30" spans="3:14" s="4" customFormat="1" ht="25.2" customHeight="1" x14ac:dyDescent="0.3">
      <c r="J30" s="5"/>
      <c r="K30" s="5"/>
      <c r="L30" s="5"/>
      <c r="M30" s="5"/>
    </row>
    <row r="31" spans="3:14" s="4" customFormat="1" ht="25.2" customHeight="1" x14ac:dyDescent="0.3">
      <c r="J31" s="5"/>
      <c r="K31" s="5"/>
      <c r="L31" s="5"/>
      <c r="M31" s="5"/>
    </row>
    <row r="32" spans="3:14" s="4" customFormat="1" ht="25.2" customHeight="1" x14ac:dyDescent="0.3">
      <c r="I32" s="6"/>
      <c r="J32" s="7"/>
      <c r="K32" s="7"/>
      <c r="L32" s="7"/>
      <c r="M32" s="7"/>
    </row>
    <row r="33" spans="9:12" s="4" customFormat="1" ht="25.2" customHeight="1" x14ac:dyDescent="0.3">
      <c r="I33" s="6"/>
      <c r="J33" s="5"/>
      <c r="K33" s="5"/>
      <c r="L33" s="5"/>
    </row>
    <row r="34" spans="9:12" s="4" customFormat="1" ht="25.2" customHeight="1" x14ac:dyDescent="0.3"/>
    <row r="35" spans="9:12" s="4" customFormat="1" ht="25.2" customHeight="1" x14ac:dyDescent="0.3"/>
    <row r="36" spans="9:12" s="4" customFormat="1" ht="25.2" customHeight="1" x14ac:dyDescent="0.3"/>
    <row r="37" spans="9:12" s="4" customFormat="1" ht="25.2" customHeight="1" x14ac:dyDescent="0.3"/>
    <row r="38" spans="9:12" s="4" customFormat="1" ht="25.2" customHeight="1" x14ac:dyDescent="0.3"/>
    <row r="39" spans="9:12" s="4" customFormat="1" ht="25.2" customHeight="1" x14ac:dyDescent="0.3"/>
    <row r="40" spans="9:12" s="4" customFormat="1" ht="25.2" customHeight="1" x14ac:dyDescent="0.3"/>
    <row r="41" spans="9:12" s="4" customFormat="1" ht="25.2" customHeight="1" x14ac:dyDescent="0.3"/>
    <row r="42" spans="9:12" s="4" customFormat="1" ht="25.2" customHeight="1" x14ac:dyDescent="0.3"/>
    <row r="43" spans="9:12" s="4" customFormat="1" ht="25.2" customHeight="1" x14ac:dyDescent="0.3"/>
    <row r="44" spans="9:12" s="4" customFormat="1" ht="25.2" customHeight="1" x14ac:dyDescent="0.3"/>
    <row r="45" spans="9:12" s="4" customFormat="1" ht="25.2" customHeight="1" x14ac:dyDescent="0.3"/>
    <row r="46" spans="9:12" s="4" customFormat="1" ht="25.2" customHeight="1" x14ac:dyDescent="0.3"/>
    <row r="47" spans="9:12" s="4" customFormat="1" ht="25.2" customHeight="1" x14ac:dyDescent="0.3"/>
    <row r="48" spans="9:12" s="4" customFormat="1" ht="25.2" customHeight="1" x14ac:dyDescent="0.3"/>
    <row r="49" s="4" customFormat="1" ht="25.2" customHeight="1" x14ac:dyDescent="0.3"/>
    <row r="50" s="4" customFormat="1" ht="25.2" customHeight="1" x14ac:dyDescent="0.3"/>
    <row r="51" s="4" customFormat="1" ht="25.2" customHeight="1" x14ac:dyDescent="0.3"/>
    <row r="52" s="4" customFormat="1" ht="25.2" customHeight="1" x14ac:dyDescent="0.3"/>
    <row r="53" s="4" customFormat="1" ht="25.2" customHeight="1" x14ac:dyDescent="0.3"/>
    <row r="54" s="4" customFormat="1" ht="25.2" customHeight="1" x14ac:dyDescent="0.3"/>
    <row r="55" s="4" customFormat="1" ht="25.2" customHeight="1" x14ac:dyDescent="0.3"/>
    <row r="56" s="4" customFormat="1" ht="25.2" customHeight="1" x14ac:dyDescent="0.3"/>
    <row r="57" s="4" customFormat="1" ht="25.2" customHeight="1" x14ac:dyDescent="0.3"/>
    <row r="58" s="4" customFormat="1" ht="25.2" customHeight="1" x14ac:dyDescent="0.3"/>
    <row r="59" s="4" customFormat="1" ht="25.2" customHeight="1" x14ac:dyDescent="0.3"/>
    <row r="60" s="4" customFormat="1" ht="25.2" customHeight="1" x14ac:dyDescent="0.3"/>
    <row r="61" s="4" customFormat="1" ht="25.2" customHeight="1" x14ac:dyDescent="0.3"/>
    <row r="62" s="4" customFormat="1" ht="25.2" customHeight="1" x14ac:dyDescent="0.3"/>
    <row r="63" s="4" customFormat="1" ht="25.2" customHeight="1" x14ac:dyDescent="0.3"/>
    <row r="64" s="4" customFormat="1" ht="25.2" customHeight="1" x14ac:dyDescent="0.3"/>
    <row r="65" s="4" customFormat="1" ht="25.2" customHeight="1" x14ac:dyDescent="0.3"/>
    <row r="66" s="4" customFormat="1" ht="25.2" customHeight="1" x14ac:dyDescent="0.3"/>
    <row r="67" s="4" customFormat="1" ht="25.2" customHeight="1" x14ac:dyDescent="0.3"/>
    <row r="68" s="4" customFormat="1" ht="25.2" customHeight="1" x14ac:dyDescent="0.3"/>
    <row r="69" s="4" customFormat="1" ht="25.2" customHeight="1" x14ac:dyDescent="0.3"/>
    <row r="70" s="4" customFormat="1" ht="25.2" customHeight="1" x14ac:dyDescent="0.3"/>
    <row r="71" s="4" customFormat="1" ht="25.2" customHeight="1" x14ac:dyDescent="0.3"/>
    <row r="72" s="4" customFormat="1" ht="25.2" customHeight="1" x14ac:dyDescent="0.3"/>
    <row r="73" s="4" customFormat="1" ht="25.2" customHeight="1" x14ac:dyDescent="0.3"/>
    <row r="74" s="4" customFormat="1" ht="25.2" customHeight="1" x14ac:dyDescent="0.3"/>
    <row r="75" s="4" customFormat="1" ht="25.2" customHeight="1" x14ac:dyDescent="0.3"/>
    <row r="76" s="4" customFormat="1" ht="25.2" customHeight="1" x14ac:dyDescent="0.3"/>
    <row r="77" s="4" customFormat="1" ht="25.2" customHeight="1" x14ac:dyDescent="0.3"/>
    <row r="78" s="4" customFormat="1" ht="25.2" customHeight="1" x14ac:dyDescent="0.3"/>
    <row r="79" s="4" customFormat="1" ht="25.2" customHeight="1" x14ac:dyDescent="0.3"/>
    <row r="80" s="4" customFormat="1" ht="25.2" customHeight="1" x14ac:dyDescent="0.3"/>
    <row r="81" s="4" customFormat="1" ht="25.2" customHeight="1" x14ac:dyDescent="0.3"/>
    <row r="82" s="4" customFormat="1" ht="25.2" customHeight="1" x14ac:dyDescent="0.3"/>
    <row r="83" s="4" customFormat="1" ht="25.2" customHeight="1" x14ac:dyDescent="0.3"/>
    <row r="84" s="4" customFormat="1" ht="25.2" customHeight="1" x14ac:dyDescent="0.3"/>
    <row r="85" s="4" customFormat="1" ht="25.2" customHeight="1" x14ac:dyDescent="0.3"/>
    <row r="86" s="4" customFormat="1" ht="25.2" customHeight="1" x14ac:dyDescent="0.3"/>
    <row r="87" s="4" customFormat="1" ht="25.2" customHeight="1" x14ac:dyDescent="0.3"/>
    <row r="88" s="4" customFormat="1" ht="25.2" customHeight="1" x14ac:dyDescent="0.3"/>
    <row r="89" s="4" customFormat="1" ht="25.2" customHeight="1" x14ac:dyDescent="0.3"/>
    <row r="90" s="4" customFormat="1" ht="25.2" customHeight="1" x14ac:dyDescent="0.3"/>
    <row r="91" s="4" customFormat="1" ht="25.2" customHeight="1" x14ac:dyDescent="0.3"/>
    <row r="92" s="4" customFormat="1" ht="25.2" customHeight="1" x14ac:dyDescent="0.3"/>
    <row r="93" s="4" customFormat="1" ht="25.2" customHeight="1" x14ac:dyDescent="0.3"/>
    <row r="94" s="4" customFormat="1" ht="25.2" customHeight="1" x14ac:dyDescent="0.3"/>
    <row r="95" s="4" customFormat="1" ht="25.2" customHeight="1" x14ac:dyDescent="0.3"/>
    <row r="96" s="4" customFormat="1" ht="25.2" customHeight="1" x14ac:dyDescent="0.3"/>
    <row r="97" spans="1:2" s="4" customFormat="1" ht="25.2" customHeight="1" x14ac:dyDescent="0.3"/>
    <row r="98" spans="1:2" s="4" customFormat="1" ht="25.2" customHeight="1" x14ac:dyDescent="0.3"/>
    <row r="99" spans="1:2" ht="25.2" customHeight="1" x14ac:dyDescent="0.3">
      <c r="A99" s="4"/>
      <c r="B99" s="4"/>
    </row>
    <row r="100" spans="1:2" ht="25.2" customHeight="1" x14ac:dyDescent="0.3">
      <c r="A100" s="4"/>
      <c r="B100" s="4"/>
    </row>
    <row r="101" spans="1:2" ht="25.2" customHeight="1" x14ac:dyDescent="0.3">
      <c r="A101" s="4"/>
      <c r="B101" s="4"/>
    </row>
    <row r="102" spans="1:2" ht="25.2" customHeight="1" x14ac:dyDescent="0.3"/>
    <row r="103" spans="1:2" ht="25.2" customHeight="1" x14ac:dyDescent="0.3"/>
    <row r="104" spans="1:2" ht="25.2" customHeight="1" x14ac:dyDescent="0.3"/>
    <row r="105" spans="1:2" ht="25.2" customHeight="1" x14ac:dyDescent="0.3"/>
    <row r="106" spans="1:2" ht="25.2" customHeight="1" x14ac:dyDescent="0.3"/>
    <row r="107" spans="1:2" ht="25.2" customHeight="1" x14ac:dyDescent="0.3"/>
    <row r="108" spans="1:2" ht="25.2" customHeight="1" x14ac:dyDescent="0.3"/>
    <row r="109" spans="1:2" ht="25.2" customHeight="1" x14ac:dyDescent="0.3"/>
    <row r="110" spans="1:2" ht="25.2" customHeight="1" x14ac:dyDescent="0.3"/>
    <row r="111" spans="1:2" ht="25.2" customHeight="1" x14ac:dyDescent="0.3"/>
    <row r="112" spans="1:2" ht="25.2" customHeight="1" x14ac:dyDescent="0.3"/>
    <row r="113" ht="25.2" customHeight="1" x14ac:dyDescent="0.3"/>
    <row r="114" ht="25.2" customHeight="1" x14ac:dyDescent="0.3"/>
    <row r="115" ht="25.2" customHeight="1" x14ac:dyDescent="0.3"/>
    <row r="116" ht="25.2" customHeight="1" x14ac:dyDescent="0.3"/>
    <row r="117" ht="25.2" customHeight="1" x14ac:dyDescent="0.3"/>
    <row r="118" ht="25.2" customHeight="1" x14ac:dyDescent="0.3"/>
    <row r="119" ht="25.2" customHeight="1" x14ac:dyDescent="0.3"/>
    <row r="120" ht="25.2" customHeight="1" x14ac:dyDescent="0.3"/>
    <row r="121" ht="25.2" customHeight="1" x14ac:dyDescent="0.3"/>
    <row r="122" ht="25.2" customHeight="1" x14ac:dyDescent="0.3"/>
    <row r="123" ht="25.2" customHeight="1" x14ac:dyDescent="0.3"/>
    <row r="124" ht="25.2" customHeight="1" x14ac:dyDescent="0.3"/>
    <row r="125" ht="25.2" customHeight="1" x14ac:dyDescent="0.3"/>
    <row r="126" ht="25.2" customHeight="1" x14ac:dyDescent="0.3"/>
    <row r="127" ht="25.2" customHeight="1" x14ac:dyDescent="0.3"/>
    <row r="128" ht="25.2" customHeight="1" x14ac:dyDescent="0.3"/>
    <row r="129" ht="25.2" customHeight="1" x14ac:dyDescent="0.3"/>
    <row r="130" ht="25.2" customHeight="1" x14ac:dyDescent="0.3"/>
    <row r="131" ht="25.2" customHeight="1" x14ac:dyDescent="0.3"/>
    <row r="132" ht="25.2" customHeight="1" x14ac:dyDescent="0.3"/>
    <row r="133" ht="25.2" customHeight="1" x14ac:dyDescent="0.3"/>
    <row r="134" ht="25.2" customHeight="1" x14ac:dyDescent="0.3"/>
    <row r="135" ht="25.2" customHeight="1" x14ac:dyDescent="0.3"/>
    <row r="136" ht="25.2" customHeight="1" x14ac:dyDescent="0.3"/>
    <row r="137" ht="25.2" customHeight="1" x14ac:dyDescent="0.3"/>
    <row r="138" ht="25.2" customHeight="1" x14ac:dyDescent="0.3"/>
    <row r="139" ht="25.2" customHeight="1" x14ac:dyDescent="0.3"/>
    <row r="140" ht="25.2" customHeight="1" x14ac:dyDescent="0.3"/>
    <row r="141" ht="25.2" customHeight="1" x14ac:dyDescent="0.3"/>
    <row r="142" ht="25.2" customHeight="1" x14ac:dyDescent="0.3"/>
    <row r="143" ht="25.2" customHeight="1" x14ac:dyDescent="0.3"/>
    <row r="144" ht="25.2" customHeight="1" x14ac:dyDescent="0.3"/>
  </sheetData>
  <sheetProtection algorithmName="SHA-512" hashValue="yE6TQ6+LoRYU6v7V5wD07VhxAAuhG9a1XhtWYHfhT6xx6S3klmBeYmgNqfknWvWvRoTO650wgi5VE+KHJrq5gA==" saltValue="FZu8ZGv9bn6F3fpsshvKkw==" spinCount="100000" sheet="1" objects="1" scenarios="1"/>
  <mergeCells count="5">
    <mergeCell ref="I10:M17"/>
    <mergeCell ref="C3:M3"/>
    <mergeCell ref="C4:M4"/>
    <mergeCell ref="C8:M8"/>
    <mergeCell ref="C10:G17"/>
  </mergeCells>
  <hyperlinks>
    <hyperlink ref="C10:G17" location="'Vurdering mot målsettinger'!A1" display="'Vurdering mot målsettinger'!A1" xr:uid="{BB340BAD-3626-4F64-BBFB-CD44F943D6EC}"/>
    <hyperlink ref="I10:M17" location="'Vurdering av bærekraftstema'!A1" display="'Vurdering av bærekraftstema'!A1" xr:uid="{E57739C9-932A-4D43-A85F-7857DCDAF8E8}"/>
  </hyperlinks>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70B003E-8F40-4F5D-A860-499DD4B139FE}">
  <sheetPr>
    <tabColor theme="5" tint="-0.499984740745262"/>
  </sheetPr>
  <dimension ref="A1:W159"/>
  <sheetViews>
    <sheetView zoomScaleNormal="100" workbookViewId="0">
      <selection activeCell="C3" sqref="C3:E9"/>
    </sheetView>
  </sheetViews>
  <sheetFormatPr baseColWidth="10" defaultColWidth="10.6640625" defaultRowHeight="15.05" outlineLevelRow="1" x14ac:dyDescent="0.3"/>
  <cols>
    <col min="1" max="1" width="3.33203125" style="33" customWidth="1"/>
    <col min="2" max="2" width="3" style="34" customWidth="1"/>
    <col min="3" max="3" width="52.44140625" style="34" customWidth="1"/>
    <col min="4" max="4" width="31.33203125" style="34" customWidth="1"/>
    <col min="5" max="5" width="47.33203125" style="34" customWidth="1"/>
    <col min="6" max="6" width="3.6640625" style="34" customWidth="1"/>
    <col min="7" max="16384" width="10.6640625" style="34"/>
  </cols>
  <sheetData>
    <row r="1" spans="2:5" s="31" customFormat="1" ht="59.95" customHeight="1" x14ac:dyDescent="0.3">
      <c r="B1" s="32" t="s">
        <v>11</v>
      </c>
    </row>
    <row r="3" spans="2:5" x14ac:dyDescent="0.3">
      <c r="C3" s="48" t="s">
        <v>12</v>
      </c>
      <c r="D3" s="49"/>
      <c r="E3" s="50"/>
    </row>
    <row r="4" spans="2:5" x14ac:dyDescent="0.3">
      <c r="C4" s="51"/>
      <c r="D4" s="52"/>
      <c r="E4" s="53"/>
    </row>
    <row r="5" spans="2:5" x14ac:dyDescent="0.3">
      <c r="C5" s="51"/>
      <c r="D5" s="52"/>
      <c r="E5" s="53"/>
    </row>
    <row r="6" spans="2:5" x14ac:dyDescent="0.3">
      <c r="C6" s="51"/>
      <c r="D6" s="52"/>
      <c r="E6" s="53"/>
    </row>
    <row r="7" spans="2:5" x14ac:dyDescent="0.3">
      <c r="C7" s="51"/>
      <c r="D7" s="52"/>
      <c r="E7" s="53"/>
    </row>
    <row r="8" spans="2:5" x14ac:dyDescent="0.3">
      <c r="C8" s="51"/>
      <c r="D8" s="52"/>
      <c r="E8" s="53"/>
    </row>
    <row r="9" spans="2:5" x14ac:dyDescent="0.3">
      <c r="C9" s="54"/>
      <c r="D9" s="55"/>
      <c r="E9" s="56"/>
    </row>
    <row r="11" spans="2:5" ht="27.25" customHeight="1" x14ac:dyDescent="0.3">
      <c r="C11" s="35" t="s">
        <v>13</v>
      </c>
      <c r="D11" s="36" t="s">
        <v>14</v>
      </c>
      <c r="E11" s="37" t="s">
        <v>15</v>
      </c>
    </row>
    <row r="12" spans="2:5" ht="25.2" customHeight="1" x14ac:dyDescent="0.3">
      <c r="C12" s="38"/>
      <c r="D12" s="38"/>
      <c r="E12" s="38"/>
    </row>
    <row r="13" spans="2:5" ht="25.2" customHeight="1" x14ac:dyDescent="0.3">
      <c r="C13" s="38"/>
      <c r="D13" s="38"/>
      <c r="E13" s="38"/>
    </row>
    <row r="14" spans="2:5" ht="25.2" customHeight="1" x14ac:dyDescent="0.3">
      <c r="C14" s="38"/>
      <c r="D14" s="38"/>
      <c r="E14" s="38"/>
    </row>
    <row r="15" spans="2:5" ht="25.2" customHeight="1" x14ac:dyDescent="0.3">
      <c r="C15" s="38"/>
      <c r="D15" s="38"/>
      <c r="E15" s="38"/>
    </row>
    <row r="16" spans="2:5" ht="25.2" customHeight="1" x14ac:dyDescent="0.3">
      <c r="C16" s="38"/>
      <c r="D16" s="38"/>
      <c r="E16" s="38"/>
    </row>
    <row r="17" spans="1:23" ht="25.2" customHeight="1" x14ac:dyDescent="0.3">
      <c r="C17" s="38"/>
      <c r="D17" s="38"/>
      <c r="E17" s="38"/>
    </row>
    <row r="18" spans="1:23" ht="25.2" customHeight="1" x14ac:dyDescent="0.3">
      <c r="C18" s="38"/>
      <c r="D18" s="38"/>
      <c r="E18" s="38"/>
    </row>
    <row r="19" spans="1:23" ht="25.2" customHeight="1" x14ac:dyDescent="0.3"/>
    <row r="20" spans="1:23" ht="25.2" customHeight="1" x14ac:dyDescent="0.3">
      <c r="C20" s="39" t="s">
        <v>16</v>
      </c>
      <c r="D20" s="40"/>
      <c r="E20" s="41"/>
    </row>
    <row r="21" spans="1:23" ht="25.2" customHeight="1" x14ac:dyDescent="0.3">
      <c r="C21" s="42"/>
      <c r="D21" s="43"/>
      <c r="E21" s="44"/>
    </row>
    <row r="22" spans="1:23" ht="25.2" customHeight="1" x14ac:dyDescent="0.3">
      <c r="C22" s="45"/>
      <c r="D22" s="46"/>
      <c r="E22" s="47"/>
    </row>
    <row r="23" spans="1:23" ht="13.95" customHeight="1" x14ac:dyDescent="0.3"/>
    <row r="24" spans="1:23" ht="25.2" customHeight="1" x14ac:dyDescent="0.3"/>
    <row r="25" spans="1:23" s="31" customFormat="1" ht="39.799999999999997" customHeight="1" x14ac:dyDescent="0.3">
      <c r="A25" s="33"/>
      <c r="B25" s="34"/>
      <c r="C25" s="34"/>
      <c r="D25" s="34"/>
      <c r="E25" s="34"/>
      <c r="F25" s="34"/>
      <c r="G25" s="34"/>
      <c r="H25" s="34"/>
      <c r="I25" s="34"/>
      <c r="J25" s="34"/>
      <c r="K25" s="34"/>
      <c r="L25" s="34"/>
      <c r="M25" s="34"/>
      <c r="N25" s="34"/>
      <c r="O25" s="34"/>
      <c r="P25" s="34"/>
      <c r="Q25" s="34"/>
      <c r="R25" s="34"/>
      <c r="S25" s="34"/>
      <c r="T25" s="34"/>
      <c r="U25" s="34"/>
      <c r="V25" s="34"/>
      <c r="W25" s="34"/>
    </row>
    <row r="26" spans="1:23" s="33" customFormat="1" ht="25.2" customHeight="1" outlineLevel="1" x14ac:dyDescent="0.3">
      <c r="B26" s="34"/>
      <c r="C26" s="34"/>
      <c r="D26" s="34"/>
      <c r="E26" s="34"/>
      <c r="F26" s="34"/>
      <c r="G26" s="34"/>
      <c r="H26" s="34"/>
      <c r="I26" s="34"/>
      <c r="J26" s="34"/>
      <c r="K26" s="34"/>
      <c r="L26" s="34"/>
      <c r="M26" s="34"/>
      <c r="N26" s="34"/>
      <c r="O26" s="34"/>
      <c r="P26" s="34"/>
      <c r="Q26" s="34"/>
      <c r="R26" s="34"/>
      <c r="S26" s="34"/>
      <c r="T26" s="34"/>
      <c r="U26" s="34"/>
      <c r="V26" s="34"/>
      <c r="W26" s="34"/>
    </row>
    <row r="27" spans="1:23" s="33" customFormat="1" ht="25.2" customHeight="1" outlineLevel="1" x14ac:dyDescent="0.3">
      <c r="B27" s="34"/>
      <c r="C27" s="34"/>
      <c r="D27" s="34"/>
      <c r="E27" s="34"/>
      <c r="F27" s="34"/>
      <c r="G27" s="34"/>
      <c r="H27" s="34"/>
      <c r="I27" s="34"/>
      <c r="J27" s="34"/>
      <c r="K27" s="34"/>
      <c r="L27" s="34"/>
      <c r="M27" s="34"/>
      <c r="N27" s="34"/>
      <c r="O27" s="34"/>
      <c r="P27" s="34"/>
      <c r="Q27" s="34"/>
      <c r="R27" s="34"/>
      <c r="S27" s="34"/>
      <c r="T27" s="34"/>
      <c r="U27" s="34"/>
      <c r="V27" s="34"/>
      <c r="W27" s="34"/>
    </row>
    <row r="28" spans="1:23" s="33" customFormat="1" ht="25.2" customHeight="1" outlineLevel="1" x14ac:dyDescent="0.3">
      <c r="B28" s="34"/>
      <c r="C28" s="34"/>
      <c r="D28" s="34"/>
      <c r="E28" s="34"/>
      <c r="F28" s="34"/>
      <c r="G28" s="34"/>
      <c r="H28" s="34"/>
      <c r="I28" s="34"/>
      <c r="J28" s="34"/>
      <c r="K28" s="34"/>
      <c r="L28" s="34"/>
      <c r="M28" s="34"/>
      <c r="N28" s="34"/>
      <c r="O28" s="34"/>
      <c r="P28" s="34"/>
      <c r="Q28" s="34"/>
      <c r="R28" s="34"/>
      <c r="S28" s="34"/>
      <c r="T28" s="34"/>
      <c r="U28" s="34"/>
      <c r="V28" s="34"/>
      <c r="W28" s="34"/>
    </row>
    <row r="29" spans="1:23" s="33" customFormat="1" ht="25.2" customHeight="1" outlineLevel="1" x14ac:dyDescent="0.3">
      <c r="B29" s="34"/>
      <c r="C29" s="34"/>
      <c r="D29" s="34"/>
      <c r="E29" s="34"/>
      <c r="F29" s="34"/>
      <c r="G29" s="34"/>
      <c r="H29" s="34"/>
      <c r="I29" s="34"/>
      <c r="J29" s="34"/>
      <c r="K29" s="34"/>
      <c r="L29" s="34"/>
      <c r="M29" s="34"/>
      <c r="N29" s="34"/>
      <c r="O29" s="34"/>
      <c r="P29" s="34"/>
      <c r="Q29" s="34"/>
      <c r="R29" s="34"/>
      <c r="S29" s="34"/>
      <c r="T29" s="34"/>
      <c r="U29" s="34"/>
      <c r="V29" s="34"/>
      <c r="W29" s="34"/>
    </row>
    <row r="30" spans="1:23" s="33" customFormat="1" ht="25.2" customHeight="1" outlineLevel="1" x14ac:dyDescent="0.3">
      <c r="B30" s="34"/>
      <c r="C30" s="34"/>
      <c r="D30" s="34"/>
      <c r="E30" s="34"/>
      <c r="F30" s="34"/>
      <c r="G30" s="34"/>
      <c r="H30" s="34"/>
      <c r="I30" s="34"/>
      <c r="J30" s="34"/>
      <c r="K30" s="34"/>
      <c r="L30" s="34"/>
      <c r="M30" s="34"/>
      <c r="N30" s="34"/>
      <c r="O30" s="34"/>
      <c r="P30" s="34"/>
      <c r="Q30" s="34"/>
      <c r="R30" s="34"/>
      <c r="S30" s="34"/>
      <c r="T30" s="34"/>
      <c r="U30" s="34"/>
      <c r="V30" s="34"/>
      <c r="W30" s="34"/>
    </row>
    <row r="31" spans="1:23" s="33" customFormat="1" ht="25.2" customHeight="1" outlineLevel="1" x14ac:dyDescent="0.3"/>
    <row r="32" spans="1:23" s="33" customFormat="1" ht="25.2" customHeight="1" outlineLevel="1" x14ac:dyDescent="0.3"/>
    <row r="33" s="33" customFormat="1" ht="25.2" customHeight="1" outlineLevel="1" x14ac:dyDescent="0.3"/>
    <row r="34" s="33" customFormat="1" ht="25.2" customHeight="1" outlineLevel="1" x14ac:dyDescent="0.3"/>
    <row r="35" s="33" customFormat="1" ht="25.2" customHeight="1" outlineLevel="1" x14ac:dyDescent="0.3"/>
    <row r="36" s="33" customFormat="1" ht="25.2" customHeight="1" outlineLevel="1" x14ac:dyDescent="0.3"/>
    <row r="37" s="33" customFormat="1" ht="25.2" customHeight="1" outlineLevel="1" x14ac:dyDescent="0.3"/>
    <row r="38" s="33" customFormat="1" ht="25.2" customHeight="1" outlineLevel="1" x14ac:dyDescent="0.3"/>
    <row r="39" s="31" customFormat="1" ht="10.199999999999999" customHeight="1" outlineLevel="1" x14ac:dyDescent="0.3"/>
    <row r="40" s="31" customFormat="1" ht="25.2" customHeight="1" x14ac:dyDescent="0.3"/>
    <row r="41" s="31" customFormat="1" ht="25.2" customHeight="1" x14ac:dyDescent="0.3"/>
    <row r="42" s="31" customFormat="1" ht="25.2" customHeight="1" x14ac:dyDescent="0.3"/>
    <row r="43" s="31" customFormat="1" ht="25.2" customHeight="1" x14ac:dyDescent="0.3"/>
    <row r="44" s="31" customFormat="1" ht="25.2" customHeight="1" x14ac:dyDescent="0.3"/>
    <row r="45" s="31" customFormat="1" ht="25.2" customHeight="1" x14ac:dyDescent="0.3"/>
    <row r="46" s="31" customFormat="1" ht="25.2" customHeight="1" x14ac:dyDescent="0.3"/>
    <row r="47" s="31" customFormat="1" ht="25.2" customHeight="1" x14ac:dyDescent="0.3"/>
    <row r="48" s="31" customFormat="1" ht="25.2" customHeight="1" x14ac:dyDescent="0.3"/>
    <row r="49" s="31" customFormat="1" ht="25.2" customHeight="1" x14ac:dyDescent="0.3"/>
    <row r="50" s="31" customFormat="1" ht="25.2" customHeight="1" x14ac:dyDescent="0.3"/>
    <row r="51" s="31" customFormat="1" ht="25.2" customHeight="1" x14ac:dyDescent="0.3"/>
    <row r="52" s="31" customFormat="1" ht="25.2" customHeight="1" x14ac:dyDescent="0.3"/>
    <row r="53" s="31" customFormat="1" ht="25.2" customHeight="1" x14ac:dyDescent="0.3"/>
    <row r="54" s="31" customFormat="1" ht="25.2" customHeight="1" x14ac:dyDescent="0.3"/>
    <row r="55" s="31" customFormat="1" ht="25.2" customHeight="1" x14ac:dyDescent="0.3"/>
    <row r="56" s="31" customFormat="1" ht="25.2" customHeight="1" x14ac:dyDescent="0.3"/>
    <row r="57" s="31" customFormat="1" ht="25.2" customHeight="1" x14ac:dyDescent="0.3"/>
    <row r="58" s="31" customFormat="1" ht="25.2" customHeight="1" x14ac:dyDescent="0.3"/>
    <row r="59" s="31" customFormat="1" ht="25.2" customHeight="1" x14ac:dyDescent="0.3"/>
    <row r="60" s="31" customFormat="1" ht="25.2" customHeight="1" x14ac:dyDescent="0.3"/>
    <row r="61" s="31" customFormat="1" ht="25.2" customHeight="1" x14ac:dyDescent="0.3"/>
    <row r="62" s="31" customFormat="1" ht="25.2" customHeight="1" x14ac:dyDescent="0.3"/>
    <row r="63" s="31" customFormat="1" ht="25.2" customHeight="1" x14ac:dyDescent="0.3"/>
    <row r="64" s="31" customFormat="1" ht="25.2" customHeight="1" x14ac:dyDescent="0.3"/>
    <row r="65" s="31" customFormat="1" ht="25.2" customHeight="1" x14ac:dyDescent="0.3"/>
    <row r="66" s="31" customFormat="1" ht="25.2" customHeight="1" x14ac:dyDescent="0.3"/>
    <row r="67" s="31" customFormat="1" ht="25.2" customHeight="1" x14ac:dyDescent="0.3"/>
    <row r="68" s="31" customFormat="1" ht="25.2" customHeight="1" x14ac:dyDescent="0.3"/>
    <row r="69" s="31" customFormat="1" ht="25.2" customHeight="1" x14ac:dyDescent="0.3"/>
    <row r="70" s="31" customFormat="1" ht="25.2" customHeight="1" x14ac:dyDescent="0.3"/>
    <row r="71" s="31" customFormat="1" ht="25.2" customHeight="1" x14ac:dyDescent="0.3"/>
    <row r="72" s="31" customFormat="1" ht="25.2" customHeight="1" x14ac:dyDescent="0.3"/>
    <row r="73" s="31" customFormat="1" ht="25.2" customHeight="1" x14ac:dyDescent="0.3"/>
    <row r="74" s="31" customFormat="1" ht="25.2" customHeight="1" x14ac:dyDescent="0.3"/>
    <row r="75" s="31" customFormat="1" ht="25.2" customHeight="1" x14ac:dyDescent="0.3"/>
    <row r="76" s="31" customFormat="1" ht="25.2" customHeight="1" x14ac:dyDescent="0.3"/>
    <row r="77" s="31" customFormat="1" ht="25.2" customHeight="1" x14ac:dyDescent="0.3"/>
    <row r="78" s="31" customFormat="1" ht="25.2" customHeight="1" x14ac:dyDescent="0.3"/>
    <row r="79" s="31" customFormat="1" ht="25.2" customHeight="1" x14ac:dyDescent="0.3"/>
    <row r="80" s="31" customFormat="1" ht="25.2" customHeight="1" x14ac:dyDescent="0.3"/>
    <row r="81" s="31" customFormat="1" ht="25.2" customHeight="1" x14ac:dyDescent="0.3"/>
    <row r="82" s="31" customFormat="1" ht="25.2" customHeight="1" x14ac:dyDescent="0.3"/>
    <row r="83" s="31" customFormat="1" ht="25.2" customHeight="1" x14ac:dyDescent="0.3"/>
    <row r="84" s="31" customFormat="1" ht="25.2" customHeight="1" x14ac:dyDescent="0.3"/>
    <row r="85" s="31" customFormat="1" ht="25.2" customHeight="1" x14ac:dyDescent="0.3"/>
    <row r="86" s="31" customFormat="1" ht="25.2" customHeight="1" x14ac:dyDescent="0.3"/>
    <row r="87" s="31" customFormat="1" ht="25.2" customHeight="1" x14ac:dyDescent="0.3"/>
    <row r="88" s="31" customFormat="1" ht="25.2" customHeight="1" x14ac:dyDescent="0.3"/>
    <row r="89" s="31" customFormat="1" ht="25.2" customHeight="1" x14ac:dyDescent="0.3"/>
    <row r="90" s="31" customFormat="1" ht="25.2" customHeight="1" x14ac:dyDescent="0.3"/>
    <row r="91" s="31" customFormat="1" ht="25.2" customHeight="1" x14ac:dyDescent="0.3"/>
    <row r="92" s="31" customFormat="1" ht="25.2" customHeight="1" x14ac:dyDescent="0.3"/>
    <row r="93" s="31" customFormat="1" ht="25.2" customHeight="1" x14ac:dyDescent="0.3"/>
    <row r="94" s="31" customFormat="1" ht="25.2" customHeight="1" x14ac:dyDescent="0.3"/>
    <row r="95" s="31" customFormat="1" ht="25.2" customHeight="1" x14ac:dyDescent="0.3"/>
    <row r="96" s="31" customFormat="1" ht="25.2" customHeight="1" x14ac:dyDescent="0.3"/>
    <row r="97" s="31" customFormat="1" ht="25.2" customHeight="1" x14ac:dyDescent="0.3"/>
    <row r="98" s="31" customFormat="1" ht="25.2" customHeight="1" x14ac:dyDescent="0.3"/>
    <row r="99" s="31" customFormat="1" ht="25.2" customHeight="1" x14ac:dyDescent="0.3"/>
    <row r="100" s="31" customFormat="1" ht="25.2" customHeight="1" x14ac:dyDescent="0.3"/>
    <row r="101" s="31" customFormat="1" ht="25.2" customHeight="1" x14ac:dyDescent="0.3"/>
    <row r="102" s="31" customFormat="1" ht="25.2" customHeight="1" x14ac:dyDescent="0.3"/>
    <row r="103" s="31" customFormat="1" ht="25.2" customHeight="1" x14ac:dyDescent="0.3"/>
    <row r="104" s="31" customFormat="1" ht="25.2" customHeight="1" x14ac:dyDescent="0.3"/>
    <row r="105" s="31" customFormat="1" ht="25.2" customHeight="1" x14ac:dyDescent="0.3"/>
    <row r="106" s="31" customFormat="1" ht="25.2" customHeight="1" x14ac:dyDescent="0.3"/>
    <row r="107" s="31" customFormat="1" ht="25.2" customHeight="1" x14ac:dyDescent="0.3"/>
    <row r="108" s="31" customFormat="1" ht="25.2" customHeight="1" x14ac:dyDescent="0.3"/>
    <row r="109" s="31" customFormat="1" ht="25.2" customHeight="1" x14ac:dyDescent="0.3"/>
    <row r="110" s="31" customFormat="1" ht="25.2" customHeight="1" x14ac:dyDescent="0.3"/>
    <row r="111" s="31" customFormat="1" ht="25.2" customHeight="1" x14ac:dyDescent="0.3"/>
    <row r="112" s="31" customFormat="1" ht="25.2" customHeight="1" x14ac:dyDescent="0.3"/>
    <row r="113" s="31" customFormat="1" ht="25.2" customHeight="1" x14ac:dyDescent="0.3"/>
    <row r="114" ht="25.2" customHeight="1" x14ac:dyDescent="0.3"/>
    <row r="115" ht="25.2" customHeight="1" x14ac:dyDescent="0.3"/>
    <row r="116" ht="25.2" customHeight="1" x14ac:dyDescent="0.3"/>
    <row r="117" ht="25.2" customHeight="1" x14ac:dyDescent="0.3"/>
    <row r="118" ht="25.2" customHeight="1" x14ac:dyDescent="0.3"/>
    <row r="119" ht="25.2" customHeight="1" x14ac:dyDescent="0.3"/>
    <row r="120" ht="25.2" customHeight="1" x14ac:dyDescent="0.3"/>
    <row r="121" ht="25.2" customHeight="1" x14ac:dyDescent="0.3"/>
    <row r="122" ht="25.2" customHeight="1" x14ac:dyDescent="0.3"/>
    <row r="123" ht="25.2" customHeight="1" x14ac:dyDescent="0.3"/>
    <row r="124" ht="25.2" customHeight="1" x14ac:dyDescent="0.3"/>
    <row r="125" ht="25.2" customHeight="1" x14ac:dyDescent="0.3"/>
    <row r="126" ht="25.2" customHeight="1" x14ac:dyDescent="0.3"/>
    <row r="127" ht="25.2" customHeight="1" x14ac:dyDescent="0.3"/>
    <row r="128" ht="25.2" customHeight="1" x14ac:dyDescent="0.3"/>
    <row r="129" ht="25.2" customHeight="1" x14ac:dyDescent="0.3"/>
    <row r="130" ht="25.2" customHeight="1" x14ac:dyDescent="0.3"/>
    <row r="131" ht="25.2" customHeight="1" x14ac:dyDescent="0.3"/>
    <row r="132" ht="25.2" customHeight="1" x14ac:dyDescent="0.3"/>
    <row r="133" ht="25.2" customHeight="1" x14ac:dyDescent="0.3"/>
    <row r="134" ht="25.2" customHeight="1" x14ac:dyDescent="0.3"/>
    <row r="135" ht="25.2" customHeight="1" x14ac:dyDescent="0.3"/>
    <row r="136" ht="25.2" customHeight="1" x14ac:dyDescent="0.3"/>
    <row r="137" ht="25.2" customHeight="1" x14ac:dyDescent="0.3"/>
    <row r="138" ht="25.2" customHeight="1" x14ac:dyDescent="0.3"/>
    <row r="139" ht="25.2" customHeight="1" x14ac:dyDescent="0.3"/>
    <row r="140" ht="25.2" customHeight="1" x14ac:dyDescent="0.3"/>
    <row r="141" ht="25.2" customHeight="1" x14ac:dyDescent="0.3"/>
    <row r="142" ht="25.2" customHeight="1" x14ac:dyDescent="0.3"/>
    <row r="143" ht="25.2" customHeight="1" x14ac:dyDescent="0.3"/>
    <row r="144" ht="25.2" customHeight="1" x14ac:dyDescent="0.3"/>
    <row r="145" ht="25.2" customHeight="1" x14ac:dyDescent="0.3"/>
    <row r="146" ht="25.2" customHeight="1" x14ac:dyDescent="0.3"/>
    <row r="147" ht="25.2" customHeight="1" x14ac:dyDescent="0.3"/>
    <row r="148" ht="25.2" customHeight="1" x14ac:dyDescent="0.3"/>
    <row r="149" ht="25.2" customHeight="1" x14ac:dyDescent="0.3"/>
    <row r="150" ht="25.2" customHeight="1" x14ac:dyDescent="0.3"/>
    <row r="151" ht="25.2" customHeight="1" x14ac:dyDescent="0.3"/>
    <row r="152" ht="25.2" customHeight="1" x14ac:dyDescent="0.3"/>
    <row r="153" ht="25.2" customHeight="1" x14ac:dyDescent="0.3"/>
    <row r="154" ht="25.2" customHeight="1" x14ac:dyDescent="0.3"/>
    <row r="155" ht="25.2" customHeight="1" x14ac:dyDescent="0.3"/>
    <row r="156" ht="25.2" customHeight="1" x14ac:dyDescent="0.3"/>
    <row r="157" ht="25.2" customHeight="1" x14ac:dyDescent="0.3"/>
    <row r="158" ht="25.2" customHeight="1" x14ac:dyDescent="0.3"/>
    <row r="159" ht="25.2" customHeight="1" x14ac:dyDescent="0.3"/>
  </sheetData>
  <sheetProtection algorithmName="SHA-512" hashValue="W8FxYoQrLPiMwyKW6yoo7wp4H5FbkCYOgdBQQtJgr8sqkAw43xKqKAXRc0gxlfnriheFDspz0QzqZBQ5AMJ2OQ==" saltValue="qU01/fafQQMnx0DlwVc5Ug==" spinCount="100000" sheet="1" objects="1" scenarios="1"/>
  <mergeCells count="2">
    <mergeCell ref="C20:E22"/>
    <mergeCell ref="C3:E9"/>
  </mergeCells>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67BEE14-93F9-4CA1-BD2F-9E5F6DFA990F}">
  <sheetPr>
    <tabColor theme="9" tint="-0.499984740745262"/>
  </sheetPr>
  <dimension ref="A1:K120"/>
  <sheetViews>
    <sheetView zoomScaleNormal="100" workbookViewId="0">
      <selection activeCell="H10" sqref="H10"/>
    </sheetView>
  </sheetViews>
  <sheetFormatPr baseColWidth="10" defaultColWidth="10.6640625" defaultRowHeight="15.05" x14ac:dyDescent="0.3"/>
  <cols>
    <col min="1" max="1" width="3.33203125" style="33" customWidth="1"/>
    <col min="2" max="2" width="2.44140625" style="34" customWidth="1"/>
    <col min="3" max="3" width="21.33203125" style="34" customWidth="1"/>
    <col min="4" max="4" width="38.5546875" style="34" bestFit="1" customWidth="1"/>
    <col min="5" max="5" width="28.5546875" style="34" bestFit="1" customWidth="1"/>
    <col min="6" max="6" width="34.33203125" style="34" customWidth="1"/>
    <col min="7" max="7" width="2.6640625" style="34" customWidth="1"/>
    <col min="8" max="8" width="60.33203125" style="34" customWidth="1"/>
    <col min="9" max="9" width="2.88671875" style="34" customWidth="1"/>
    <col min="10" max="11" width="20.44140625" style="34" customWidth="1"/>
    <col min="12" max="16384" width="10.6640625" style="34"/>
  </cols>
  <sheetData>
    <row r="1" spans="1:11" s="31" customFormat="1" ht="59.95" customHeight="1" x14ac:dyDescent="0.3">
      <c r="B1" s="32"/>
      <c r="C1" s="57" t="s">
        <v>66</v>
      </c>
      <c r="D1" s="57"/>
      <c r="E1" s="32"/>
    </row>
    <row r="3" spans="1:11" ht="15.05" customHeight="1" x14ac:dyDescent="0.35">
      <c r="C3" s="48" t="s">
        <v>68</v>
      </c>
      <c r="D3" s="49"/>
      <c r="E3" s="49"/>
      <c r="F3" s="50"/>
      <c r="I3" s="58"/>
      <c r="J3" s="58"/>
      <c r="K3" s="58"/>
    </row>
    <row r="4" spans="1:11" ht="15.05" customHeight="1" x14ac:dyDescent="0.35">
      <c r="C4" s="51"/>
      <c r="D4" s="52"/>
      <c r="E4" s="52"/>
      <c r="F4" s="53"/>
      <c r="I4" s="58"/>
      <c r="J4" s="58"/>
      <c r="K4" s="58"/>
    </row>
    <row r="5" spans="1:11" ht="15.05" customHeight="1" x14ac:dyDescent="0.35">
      <c r="C5" s="51"/>
      <c r="D5" s="52"/>
      <c r="E5" s="52"/>
      <c r="F5" s="53"/>
      <c r="I5" s="58"/>
      <c r="J5" s="58"/>
      <c r="K5" s="58"/>
    </row>
    <row r="6" spans="1:11" ht="15.05" customHeight="1" x14ac:dyDescent="0.35">
      <c r="C6" s="51"/>
      <c r="D6" s="52"/>
      <c r="E6" s="52"/>
      <c r="F6" s="53"/>
      <c r="I6" s="58"/>
      <c r="J6" s="58"/>
      <c r="K6" s="58"/>
    </row>
    <row r="7" spans="1:11" ht="15.05" customHeight="1" x14ac:dyDescent="0.35">
      <c r="C7" s="51"/>
      <c r="D7" s="52"/>
      <c r="E7" s="52"/>
      <c r="F7" s="53"/>
      <c r="I7" s="58"/>
      <c r="J7" s="58"/>
      <c r="K7" s="58"/>
    </row>
    <row r="8" spans="1:11" ht="15.05" customHeight="1" x14ac:dyDescent="0.35">
      <c r="C8" s="51"/>
      <c r="D8" s="52"/>
      <c r="E8" s="52"/>
      <c r="F8" s="53"/>
      <c r="I8" s="58"/>
      <c r="J8" s="58"/>
      <c r="K8" s="58"/>
    </row>
    <row r="9" spans="1:11" ht="12.05" customHeight="1" x14ac:dyDescent="0.35">
      <c r="C9" s="51"/>
      <c r="D9" s="52"/>
      <c r="E9" s="52"/>
      <c r="F9" s="53"/>
      <c r="I9" s="58"/>
      <c r="J9" s="58"/>
      <c r="K9" s="58"/>
    </row>
    <row r="10" spans="1:11" ht="15.05" customHeight="1" x14ac:dyDescent="0.35">
      <c r="C10" s="51"/>
      <c r="D10" s="52"/>
      <c r="E10" s="52"/>
      <c r="F10" s="53"/>
      <c r="I10" s="58"/>
      <c r="J10" s="58"/>
      <c r="K10" s="58"/>
    </row>
    <row r="11" spans="1:11" ht="16" customHeight="1" x14ac:dyDescent="0.35">
      <c r="C11" s="51"/>
      <c r="D11" s="52"/>
      <c r="E11" s="52"/>
      <c r="F11" s="53"/>
      <c r="I11" s="58"/>
      <c r="J11" s="58"/>
      <c r="K11" s="58"/>
    </row>
    <row r="12" spans="1:11" ht="16" customHeight="1" x14ac:dyDescent="0.35">
      <c r="C12" s="54"/>
      <c r="D12" s="55"/>
      <c r="E12" s="55"/>
      <c r="F12" s="56"/>
      <c r="I12" s="58"/>
      <c r="J12" s="58"/>
      <c r="K12" s="58"/>
    </row>
    <row r="14" spans="1:11" s="61" customFormat="1" ht="15.05" customHeight="1" x14ac:dyDescent="0.3">
      <c r="A14" s="33"/>
      <c r="B14" s="34"/>
      <c r="C14" s="64" t="s">
        <v>17</v>
      </c>
      <c r="D14" s="65"/>
      <c r="E14" s="59" t="s">
        <v>18</v>
      </c>
      <c r="F14" s="60" t="s">
        <v>19</v>
      </c>
      <c r="G14" s="34"/>
      <c r="H14" s="77" t="s">
        <v>20</v>
      </c>
    </row>
    <row r="15" spans="1:11" ht="62.65" x14ac:dyDescent="0.3">
      <c r="C15" s="66"/>
      <c r="D15" s="67" t="s">
        <v>21</v>
      </c>
      <c r="E15" s="62"/>
      <c r="F15" s="63"/>
      <c r="H15" s="78" t="s">
        <v>22</v>
      </c>
    </row>
    <row r="16" spans="1:11" ht="62.65" x14ac:dyDescent="0.3">
      <c r="C16" s="66"/>
      <c r="D16" s="68" t="s">
        <v>23</v>
      </c>
      <c r="E16" s="38"/>
      <c r="F16" s="38"/>
      <c r="H16" s="78" t="s">
        <v>24</v>
      </c>
    </row>
    <row r="17" spans="3:8" ht="62" x14ac:dyDescent="0.3">
      <c r="C17" s="66"/>
      <c r="D17" s="69" t="s">
        <v>25</v>
      </c>
      <c r="E17" s="62"/>
      <c r="F17" s="38"/>
      <c r="H17" s="78" t="s">
        <v>26</v>
      </c>
    </row>
    <row r="18" spans="3:8" ht="50.1" x14ac:dyDescent="0.3">
      <c r="C18" s="66"/>
      <c r="D18" s="69" t="s">
        <v>27</v>
      </c>
      <c r="E18" s="62"/>
      <c r="F18" s="38"/>
      <c r="H18" s="78" t="s">
        <v>28</v>
      </c>
    </row>
    <row r="19" spans="3:8" ht="49.5" x14ac:dyDescent="0.3">
      <c r="C19" s="66"/>
      <c r="D19" s="69" t="s">
        <v>29</v>
      </c>
      <c r="E19" s="62"/>
      <c r="F19" s="38"/>
      <c r="H19" s="78" t="s">
        <v>30</v>
      </c>
    </row>
    <row r="20" spans="3:8" ht="59.5" customHeight="1" x14ac:dyDescent="0.3">
      <c r="C20" s="70"/>
      <c r="D20" s="69" t="s">
        <v>31</v>
      </c>
      <c r="E20" s="62"/>
      <c r="F20" s="38"/>
      <c r="H20" s="78" t="s">
        <v>32</v>
      </c>
    </row>
    <row r="21" spans="3:8" ht="87.05" customHeight="1" x14ac:dyDescent="0.3">
      <c r="C21" s="71" t="s">
        <v>33</v>
      </c>
      <c r="D21" s="69" t="s">
        <v>34</v>
      </c>
      <c r="E21" s="62"/>
      <c r="F21" s="38"/>
      <c r="H21" s="78" t="s">
        <v>35</v>
      </c>
    </row>
    <row r="22" spans="3:8" ht="112.1" x14ac:dyDescent="0.3">
      <c r="C22" s="72"/>
      <c r="D22" s="69" t="s">
        <v>36</v>
      </c>
      <c r="E22" s="62"/>
      <c r="F22" s="38"/>
      <c r="H22" s="78" t="s">
        <v>37</v>
      </c>
    </row>
    <row r="23" spans="3:8" ht="99.55" x14ac:dyDescent="0.3">
      <c r="C23" s="72"/>
      <c r="D23" s="69" t="s">
        <v>38</v>
      </c>
      <c r="E23" s="62"/>
      <c r="F23" s="38"/>
      <c r="H23" s="78" t="s">
        <v>39</v>
      </c>
    </row>
    <row r="24" spans="3:8" ht="87.65" x14ac:dyDescent="0.3">
      <c r="C24" s="72"/>
      <c r="D24" s="69" t="s">
        <v>40</v>
      </c>
      <c r="E24" s="62"/>
      <c r="F24" s="38"/>
      <c r="H24" s="78" t="s">
        <v>41</v>
      </c>
    </row>
    <row r="25" spans="3:8" ht="87.65" x14ac:dyDescent="0.3">
      <c r="C25" s="72"/>
      <c r="D25" s="69" t="s">
        <v>42</v>
      </c>
      <c r="E25" s="62"/>
      <c r="F25" s="38"/>
      <c r="H25" s="78" t="s">
        <v>43</v>
      </c>
    </row>
    <row r="26" spans="3:8" ht="87.65" x14ac:dyDescent="0.3">
      <c r="C26" s="73"/>
      <c r="D26" s="69" t="s">
        <v>44</v>
      </c>
      <c r="E26" s="62"/>
      <c r="F26" s="38"/>
      <c r="H26" s="78" t="s">
        <v>45</v>
      </c>
    </row>
    <row r="27" spans="3:8" ht="74.5" customHeight="1" x14ac:dyDescent="0.3">
      <c r="C27" s="74" t="s">
        <v>46</v>
      </c>
      <c r="D27" s="69" t="s">
        <v>47</v>
      </c>
      <c r="E27" s="62"/>
      <c r="F27" s="38"/>
      <c r="H27" s="78" t="s">
        <v>48</v>
      </c>
    </row>
    <row r="28" spans="3:8" ht="75.150000000000006" x14ac:dyDescent="0.3">
      <c r="C28" s="75"/>
      <c r="D28" s="69" t="s">
        <v>67</v>
      </c>
      <c r="E28" s="62"/>
      <c r="F28" s="38"/>
      <c r="H28" s="78" t="s">
        <v>49</v>
      </c>
    </row>
    <row r="29" spans="3:8" ht="75.150000000000006" x14ac:dyDescent="0.3">
      <c r="C29" s="75"/>
      <c r="D29" s="69" t="s">
        <v>50</v>
      </c>
      <c r="E29" s="62"/>
      <c r="F29" s="38"/>
      <c r="H29" s="78" t="s">
        <v>51</v>
      </c>
    </row>
    <row r="30" spans="3:8" ht="112.7" x14ac:dyDescent="0.3">
      <c r="C30" s="76"/>
      <c r="D30" s="69" t="s">
        <v>52</v>
      </c>
      <c r="E30" s="62"/>
      <c r="F30" s="38"/>
      <c r="H30" s="78" t="s">
        <v>53</v>
      </c>
    </row>
    <row r="46" spans="1:1" x14ac:dyDescent="0.3">
      <c r="A46" s="31"/>
    </row>
    <row r="47" spans="1:1" x14ac:dyDescent="0.3">
      <c r="A47" s="31"/>
    </row>
    <row r="48" spans="1:1" x14ac:dyDescent="0.3">
      <c r="A48" s="31"/>
    </row>
    <row r="49" spans="1:1" x14ac:dyDescent="0.3">
      <c r="A49" s="31"/>
    </row>
    <row r="50" spans="1:1" x14ac:dyDescent="0.3">
      <c r="A50" s="31"/>
    </row>
    <row r="51" spans="1:1" x14ac:dyDescent="0.3">
      <c r="A51" s="31"/>
    </row>
    <row r="52" spans="1:1" x14ac:dyDescent="0.3">
      <c r="A52" s="31"/>
    </row>
    <row r="53" spans="1:1" x14ac:dyDescent="0.3">
      <c r="A53" s="31"/>
    </row>
    <row r="54" spans="1:1" x14ac:dyDescent="0.3">
      <c r="A54" s="31"/>
    </row>
    <row r="55" spans="1:1" x14ac:dyDescent="0.3">
      <c r="A55" s="31"/>
    </row>
    <row r="56" spans="1:1" x14ac:dyDescent="0.3">
      <c r="A56" s="31"/>
    </row>
    <row r="57" spans="1:1" x14ac:dyDescent="0.3">
      <c r="A57" s="31"/>
    </row>
    <row r="58" spans="1:1" x14ac:dyDescent="0.3">
      <c r="A58" s="31"/>
    </row>
    <row r="59" spans="1:1" x14ac:dyDescent="0.3">
      <c r="A59" s="31"/>
    </row>
    <row r="60" spans="1:1" x14ac:dyDescent="0.3">
      <c r="A60" s="31"/>
    </row>
    <row r="61" spans="1:1" x14ac:dyDescent="0.3">
      <c r="A61" s="31"/>
    </row>
    <row r="62" spans="1:1" x14ac:dyDescent="0.3">
      <c r="A62" s="31"/>
    </row>
    <row r="63" spans="1:1" x14ac:dyDescent="0.3">
      <c r="A63" s="31"/>
    </row>
    <row r="64" spans="1:1" x14ac:dyDescent="0.3">
      <c r="A64" s="31"/>
    </row>
    <row r="65" spans="1:1" x14ac:dyDescent="0.3">
      <c r="A65" s="31"/>
    </row>
    <row r="66" spans="1:1" x14ac:dyDescent="0.3">
      <c r="A66" s="31"/>
    </row>
    <row r="67" spans="1:1" x14ac:dyDescent="0.3">
      <c r="A67" s="31"/>
    </row>
    <row r="68" spans="1:1" x14ac:dyDescent="0.3">
      <c r="A68" s="31"/>
    </row>
    <row r="69" spans="1:1" x14ac:dyDescent="0.3">
      <c r="A69" s="31"/>
    </row>
    <row r="70" spans="1:1" x14ac:dyDescent="0.3">
      <c r="A70" s="31"/>
    </row>
    <row r="71" spans="1:1" x14ac:dyDescent="0.3">
      <c r="A71" s="31"/>
    </row>
    <row r="72" spans="1:1" x14ac:dyDescent="0.3">
      <c r="A72" s="31"/>
    </row>
    <row r="73" spans="1:1" x14ac:dyDescent="0.3">
      <c r="A73" s="31"/>
    </row>
    <row r="74" spans="1:1" x14ac:dyDescent="0.3">
      <c r="A74" s="31"/>
    </row>
    <row r="75" spans="1:1" x14ac:dyDescent="0.3">
      <c r="A75" s="31"/>
    </row>
    <row r="76" spans="1:1" x14ac:dyDescent="0.3">
      <c r="A76" s="31"/>
    </row>
    <row r="77" spans="1:1" x14ac:dyDescent="0.3">
      <c r="A77" s="31"/>
    </row>
    <row r="78" spans="1:1" x14ac:dyDescent="0.3">
      <c r="A78" s="31"/>
    </row>
    <row r="79" spans="1:1" x14ac:dyDescent="0.3">
      <c r="A79" s="31"/>
    </row>
    <row r="80" spans="1:1" x14ac:dyDescent="0.3">
      <c r="A80" s="31"/>
    </row>
    <row r="81" spans="1:1" x14ac:dyDescent="0.3">
      <c r="A81" s="31"/>
    </row>
    <row r="82" spans="1:1" x14ac:dyDescent="0.3">
      <c r="A82" s="31"/>
    </row>
    <row r="83" spans="1:1" x14ac:dyDescent="0.3">
      <c r="A83" s="31"/>
    </row>
    <row r="84" spans="1:1" x14ac:dyDescent="0.3">
      <c r="A84" s="31"/>
    </row>
    <row r="85" spans="1:1" x14ac:dyDescent="0.3">
      <c r="A85" s="31"/>
    </row>
    <row r="86" spans="1:1" x14ac:dyDescent="0.3">
      <c r="A86" s="31"/>
    </row>
    <row r="87" spans="1:1" x14ac:dyDescent="0.3">
      <c r="A87" s="31"/>
    </row>
    <row r="88" spans="1:1" x14ac:dyDescent="0.3">
      <c r="A88" s="31"/>
    </row>
    <row r="89" spans="1:1" x14ac:dyDescent="0.3">
      <c r="A89" s="31"/>
    </row>
    <row r="90" spans="1:1" x14ac:dyDescent="0.3">
      <c r="A90" s="31"/>
    </row>
    <row r="91" spans="1:1" x14ac:dyDescent="0.3">
      <c r="A91" s="31"/>
    </row>
    <row r="92" spans="1:1" x14ac:dyDescent="0.3">
      <c r="A92" s="31"/>
    </row>
    <row r="93" spans="1:1" x14ac:dyDescent="0.3">
      <c r="A93" s="31"/>
    </row>
    <row r="94" spans="1:1" x14ac:dyDescent="0.3">
      <c r="A94" s="31"/>
    </row>
    <row r="95" spans="1:1" x14ac:dyDescent="0.3">
      <c r="A95" s="31"/>
    </row>
    <row r="96" spans="1:1" x14ac:dyDescent="0.3">
      <c r="A96" s="31"/>
    </row>
    <row r="97" spans="1:1" x14ac:dyDescent="0.3">
      <c r="A97" s="31"/>
    </row>
    <row r="98" spans="1:1" x14ac:dyDescent="0.3">
      <c r="A98" s="31"/>
    </row>
    <row r="99" spans="1:1" x14ac:dyDescent="0.3">
      <c r="A99" s="31"/>
    </row>
    <row r="100" spans="1:1" x14ac:dyDescent="0.3">
      <c r="A100" s="31"/>
    </row>
    <row r="101" spans="1:1" x14ac:dyDescent="0.3">
      <c r="A101" s="31"/>
    </row>
    <row r="102" spans="1:1" x14ac:dyDescent="0.3">
      <c r="A102" s="31"/>
    </row>
    <row r="103" spans="1:1" x14ac:dyDescent="0.3">
      <c r="A103" s="31"/>
    </row>
    <row r="104" spans="1:1" x14ac:dyDescent="0.3">
      <c r="A104" s="31"/>
    </row>
    <row r="105" spans="1:1" x14ac:dyDescent="0.3">
      <c r="A105" s="31"/>
    </row>
    <row r="106" spans="1:1" x14ac:dyDescent="0.3">
      <c r="A106" s="31"/>
    </row>
    <row r="107" spans="1:1" x14ac:dyDescent="0.3">
      <c r="A107" s="31"/>
    </row>
    <row r="108" spans="1:1" x14ac:dyDescent="0.3">
      <c r="A108" s="31"/>
    </row>
    <row r="109" spans="1:1" x14ac:dyDescent="0.3">
      <c r="A109" s="31"/>
    </row>
    <row r="110" spans="1:1" x14ac:dyDescent="0.3">
      <c r="A110" s="31"/>
    </row>
    <row r="111" spans="1:1" x14ac:dyDescent="0.3">
      <c r="A111" s="31"/>
    </row>
    <row r="112" spans="1:1" x14ac:dyDescent="0.3">
      <c r="A112" s="31"/>
    </row>
    <row r="113" spans="1:1" x14ac:dyDescent="0.3">
      <c r="A113" s="31"/>
    </row>
    <row r="114" spans="1:1" x14ac:dyDescent="0.3">
      <c r="A114" s="31"/>
    </row>
    <row r="115" spans="1:1" x14ac:dyDescent="0.3">
      <c r="A115" s="31"/>
    </row>
    <row r="116" spans="1:1" x14ac:dyDescent="0.3">
      <c r="A116" s="31"/>
    </row>
    <row r="117" spans="1:1" x14ac:dyDescent="0.3">
      <c r="A117" s="31"/>
    </row>
    <row r="118" spans="1:1" x14ac:dyDescent="0.3">
      <c r="A118" s="31"/>
    </row>
    <row r="119" spans="1:1" x14ac:dyDescent="0.3">
      <c r="A119" s="31"/>
    </row>
    <row r="120" spans="1:1" x14ac:dyDescent="0.3">
      <c r="A120" s="31"/>
    </row>
  </sheetData>
  <sheetProtection algorithmName="SHA-512" hashValue="cKgNoi4oRX3+BHxrDE4ynwIhMhr1kLGPSfoTGPjO71vQZ9uuglGb66ANSJftRl84aEmc06HXbonSS4/cn9e52A==" saltValue="YZ+kRDgsG4ffrBayqoqDfw==" spinCount="100000" sheet="1" objects="1" scenarios="1"/>
  <mergeCells count="4">
    <mergeCell ref="C3:F12"/>
    <mergeCell ref="C27:C30"/>
    <mergeCell ref="C21:C26"/>
    <mergeCell ref="C14:C20"/>
  </mergeCells>
  <conditionalFormatting sqref="E15:E30">
    <cfRule type="expression" dxfId="5" priority="1">
      <formula>E15:E30="Ikke relevant"</formula>
    </cfRule>
    <cfRule type="expression" dxfId="4" priority="2">
      <formula>E15:E30="Mangler kunnskap til å vurdere påvirkning"</formula>
    </cfRule>
    <cfRule type="expression" dxfId="3" priority="3">
      <formula>E15:E30="Nøytral påvirkning"</formula>
    </cfRule>
    <cfRule type="expression" dxfId="2" priority="4">
      <formula>E15:E30="Positiv påvirkning"</formula>
    </cfRule>
    <cfRule type="expression" dxfId="1" priority="5">
      <formula>E15:E30="Negativ påvirkning"</formula>
    </cfRule>
  </conditionalFormatting>
  <conditionalFormatting sqref="H11">
    <cfRule type="expression" dxfId="0" priority="15">
      <formula>E15:E30="Lav negativ påvirkning"</formula>
    </cfRule>
  </conditionalFormatting>
  <pageMargins left="0.7" right="0.7" top="0.75" bottom="0.75" header="0.3" footer="0.3"/>
  <extLst>
    <ext xmlns:x14="http://schemas.microsoft.com/office/spreadsheetml/2009/9/main" uri="{CCE6A557-97BC-4b89-ADB6-D9C93CAAB3DF}">
      <x14:dataValidations xmlns:xm="http://schemas.microsoft.com/office/excel/2006/main" count="1">
        <x14:dataValidation type="list" allowBlank="1" showInputMessage="1" showErrorMessage="1" xr:uid="{98D5B841-F715-482E-94E9-49B70421F59C}">
          <x14:formula1>
            <xm:f>Liste!$A$6:$A$10</xm:f>
          </x14:formula1>
          <xm:sqref>E15 E17:E30 E16</xm:sqref>
        </x14:dataValidation>
      </x14:dataValidations>
    </ext>
  </extLst>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2383FC3-8644-4A22-99E3-D5EDBFDFC054}">
  <sheetPr>
    <tabColor theme="3" tint="-0.499984740745262"/>
  </sheetPr>
  <dimension ref="A1:PO519"/>
  <sheetViews>
    <sheetView tabSelected="1" zoomScaleNormal="100" workbookViewId="0">
      <pane ySplit="1" topLeftCell="A2" activePane="bottomLeft" state="frozen"/>
      <selection pane="bottomLeft" activeCell="I13" sqref="I13"/>
    </sheetView>
  </sheetViews>
  <sheetFormatPr baseColWidth="10" defaultColWidth="11.44140625" defaultRowHeight="15.05" x14ac:dyDescent="0.3"/>
  <cols>
    <col min="1" max="1" width="3.33203125" style="33" customWidth="1"/>
    <col min="2" max="2" width="3" style="34" customWidth="1"/>
    <col min="3" max="3" width="33.44140625" style="80" bestFit="1" customWidth="1"/>
    <col min="4" max="4" width="27.6640625" style="80" bestFit="1" customWidth="1"/>
    <col min="5" max="5" width="30.6640625" style="80" bestFit="1" customWidth="1"/>
    <col min="6" max="6" width="32.6640625" style="80" bestFit="1" customWidth="1"/>
    <col min="7" max="7" width="25.88671875" style="80" customWidth="1"/>
    <col min="8" max="8" width="3.5546875" style="80" customWidth="1"/>
    <col min="9" max="9" width="43.88671875" style="80" bestFit="1" customWidth="1"/>
    <col min="10" max="10" width="21.5546875" style="80" bestFit="1" customWidth="1"/>
    <col min="11" max="11" width="2.6640625" style="80" customWidth="1"/>
    <col min="12" max="12" width="39.44140625" style="80" bestFit="1" customWidth="1"/>
    <col min="13" max="13" width="43.44140625" style="80" bestFit="1" customWidth="1"/>
    <col min="14" max="431" width="10.6640625" style="34"/>
    <col min="432" max="16384" width="11.44140625" style="80"/>
  </cols>
  <sheetData>
    <row r="1" spans="1:431" s="31" customFormat="1" ht="59.95" customHeight="1" x14ac:dyDescent="0.3">
      <c r="B1" s="32"/>
      <c r="C1" s="32" t="s">
        <v>54</v>
      </c>
      <c r="E1" s="32"/>
      <c r="F1" s="32"/>
    </row>
    <row r="2" spans="1:431" s="34" customFormat="1" x14ac:dyDescent="0.3">
      <c r="A2" s="33"/>
    </row>
    <row r="3" spans="1:431" ht="18.2" x14ac:dyDescent="0.35">
      <c r="C3" s="79" t="s">
        <v>55</v>
      </c>
      <c r="D3" s="79"/>
      <c r="E3" s="79"/>
      <c r="F3" s="79"/>
      <c r="G3" s="79"/>
      <c r="H3" s="34"/>
      <c r="I3" s="34"/>
      <c r="J3" s="34"/>
      <c r="K3" s="34"/>
      <c r="L3" s="34"/>
      <c r="M3" s="34"/>
    </row>
    <row r="4" spans="1:431" x14ac:dyDescent="0.3">
      <c r="C4" s="81" t="s">
        <v>56</v>
      </c>
      <c r="D4" s="81"/>
      <c r="E4" s="81"/>
      <c r="F4" s="81"/>
      <c r="G4" s="81"/>
      <c r="H4" s="34"/>
      <c r="I4" s="34"/>
      <c r="J4" s="34"/>
      <c r="K4" s="34"/>
      <c r="L4" s="34"/>
      <c r="M4" s="34"/>
    </row>
    <row r="5" spans="1:431" s="34" customFormat="1" x14ac:dyDescent="0.3">
      <c r="A5" s="33"/>
    </row>
    <row r="6" spans="1:431" ht="15.65" thickBot="1" x14ac:dyDescent="0.35">
      <c r="C6" s="93" t="s">
        <v>2</v>
      </c>
      <c r="D6" s="94" t="s">
        <v>3</v>
      </c>
      <c r="E6" s="95" t="s">
        <v>4</v>
      </c>
      <c r="F6" s="96" t="s">
        <v>5</v>
      </c>
      <c r="G6" s="97" t="s">
        <v>6</v>
      </c>
      <c r="H6" s="61"/>
      <c r="I6" s="61"/>
      <c r="J6" s="61"/>
      <c r="K6" s="61"/>
      <c r="L6" s="61"/>
      <c r="M6" s="61"/>
      <c r="N6" s="61"/>
      <c r="O6" s="61"/>
      <c r="P6" s="61"/>
      <c r="Q6" s="61"/>
      <c r="R6" s="61"/>
      <c r="S6" s="61"/>
      <c r="T6" s="61"/>
      <c r="U6" s="61"/>
      <c r="V6" s="61"/>
      <c r="W6" s="61"/>
      <c r="X6" s="61"/>
      <c r="Y6" s="61"/>
      <c r="Z6" s="61"/>
      <c r="AA6" s="61"/>
      <c r="AB6" s="61"/>
      <c r="AC6" s="61"/>
      <c r="AD6" s="61"/>
      <c r="AE6" s="61"/>
      <c r="AF6" s="61"/>
      <c r="AG6" s="61"/>
      <c r="AH6" s="61"/>
      <c r="AI6" s="61"/>
      <c r="AJ6" s="61"/>
      <c r="AK6" s="61"/>
      <c r="AL6" s="61"/>
      <c r="AM6" s="61"/>
      <c r="AN6" s="61"/>
      <c r="AO6" s="61"/>
      <c r="AP6" s="61"/>
      <c r="AQ6" s="61"/>
      <c r="AR6" s="61"/>
      <c r="AS6" s="61"/>
      <c r="AT6" s="61"/>
      <c r="AU6" s="61"/>
      <c r="AV6" s="61"/>
      <c r="AW6" s="61"/>
      <c r="AX6" s="61"/>
      <c r="AY6" s="61"/>
      <c r="AZ6" s="61"/>
      <c r="BA6" s="61"/>
      <c r="BB6" s="61"/>
      <c r="BC6" s="61"/>
      <c r="BD6" s="61"/>
      <c r="BE6" s="61"/>
      <c r="BF6" s="61"/>
      <c r="BG6" s="61"/>
      <c r="BH6" s="61"/>
      <c r="BI6" s="61"/>
      <c r="BJ6" s="61"/>
      <c r="BK6" s="61"/>
      <c r="BL6" s="61"/>
      <c r="BM6" s="61"/>
      <c r="BN6" s="61"/>
      <c r="BO6" s="61"/>
      <c r="BP6" s="61"/>
      <c r="BQ6" s="61"/>
      <c r="BR6" s="61"/>
      <c r="BS6" s="61"/>
      <c r="BT6" s="61"/>
      <c r="BU6" s="61"/>
      <c r="BV6" s="61"/>
      <c r="BW6" s="61"/>
      <c r="BX6" s="61"/>
      <c r="BY6" s="61"/>
      <c r="BZ6" s="61"/>
      <c r="CA6" s="61"/>
      <c r="CB6" s="61"/>
      <c r="CC6" s="61"/>
      <c r="CD6" s="61"/>
      <c r="CE6" s="61"/>
      <c r="CF6" s="61"/>
      <c r="CG6" s="61"/>
      <c r="CH6" s="61"/>
      <c r="CI6" s="61"/>
      <c r="CJ6" s="61"/>
      <c r="CK6" s="61"/>
      <c r="CL6" s="61"/>
      <c r="CM6" s="61"/>
      <c r="CN6" s="61"/>
      <c r="CO6" s="61"/>
      <c r="CP6" s="61"/>
      <c r="CQ6" s="61"/>
      <c r="CR6" s="61"/>
      <c r="CS6" s="61"/>
      <c r="CT6" s="61"/>
      <c r="CU6" s="61"/>
      <c r="CV6" s="61"/>
      <c r="CW6" s="61"/>
      <c r="CX6" s="61"/>
      <c r="CY6" s="61"/>
      <c r="CZ6" s="61"/>
      <c r="DA6" s="61"/>
      <c r="DB6" s="61"/>
      <c r="DC6" s="61"/>
      <c r="DD6" s="61"/>
      <c r="DE6" s="61"/>
      <c r="DF6" s="61"/>
      <c r="DG6" s="61"/>
      <c r="DH6" s="61"/>
      <c r="DI6" s="61"/>
      <c r="DJ6" s="61"/>
      <c r="DK6" s="61"/>
      <c r="DL6" s="61"/>
      <c r="DM6" s="61"/>
      <c r="DN6" s="61"/>
      <c r="DO6" s="61"/>
      <c r="DP6" s="61"/>
      <c r="DQ6" s="61"/>
      <c r="DR6" s="61"/>
      <c r="DS6" s="61"/>
      <c r="DT6" s="61"/>
      <c r="DU6" s="61"/>
      <c r="DV6" s="61"/>
      <c r="DW6" s="61"/>
      <c r="DX6" s="61"/>
      <c r="DY6" s="61"/>
      <c r="DZ6" s="61"/>
      <c r="EA6" s="61"/>
      <c r="EB6" s="61"/>
      <c r="EC6" s="61"/>
      <c r="ED6" s="61"/>
      <c r="EE6" s="61"/>
      <c r="EF6" s="61"/>
      <c r="EG6" s="61"/>
      <c r="EH6" s="61"/>
      <c r="EI6" s="61"/>
      <c r="EJ6" s="61"/>
      <c r="EK6" s="61"/>
      <c r="EL6" s="61"/>
      <c r="EM6" s="61"/>
      <c r="EN6" s="61"/>
      <c r="EO6" s="61"/>
      <c r="EP6" s="61"/>
      <c r="EQ6" s="61"/>
      <c r="ER6" s="61"/>
      <c r="ES6" s="61"/>
      <c r="ET6" s="61"/>
      <c r="EU6" s="61"/>
      <c r="EV6" s="61"/>
      <c r="EW6" s="61"/>
      <c r="EX6" s="61"/>
      <c r="EY6" s="61"/>
      <c r="EZ6" s="61"/>
      <c r="FA6" s="61"/>
      <c r="FB6" s="61"/>
      <c r="FC6" s="61"/>
      <c r="FD6" s="61"/>
      <c r="FE6" s="61"/>
      <c r="FF6" s="61"/>
      <c r="FG6" s="61"/>
      <c r="FH6" s="61"/>
      <c r="FI6" s="61"/>
      <c r="FJ6" s="61"/>
      <c r="FK6" s="61"/>
      <c r="FL6" s="61"/>
      <c r="FM6" s="61"/>
      <c r="FN6" s="61"/>
      <c r="FO6" s="61"/>
      <c r="FP6" s="61"/>
      <c r="FQ6" s="61"/>
      <c r="FR6" s="61"/>
      <c r="FS6" s="61"/>
      <c r="FT6" s="61"/>
      <c r="FU6" s="61"/>
      <c r="FV6" s="61"/>
      <c r="FW6" s="61"/>
      <c r="FX6" s="61"/>
      <c r="FY6" s="61"/>
      <c r="FZ6" s="61"/>
      <c r="GA6" s="61"/>
      <c r="GB6" s="61"/>
      <c r="GC6" s="61"/>
      <c r="GD6" s="61"/>
      <c r="GE6" s="61"/>
      <c r="GF6" s="61"/>
      <c r="GG6" s="61"/>
      <c r="GH6" s="61"/>
      <c r="GI6" s="61"/>
      <c r="GJ6" s="61"/>
      <c r="GK6" s="61"/>
      <c r="GL6" s="61"/>
      <c r="GM6" s="61"/>
      <c r="GN6" s="61"/>
      <c r="GO6" s="61"/>
      <c r="GP6" s="61"/>
      <c r="GQ6" s="61"/>
      <c r="GR6" s="61"/>
      <c r="GS6" s="61"/>
      <c r="GT6" s="61"/>
      <c r="GU6" s="61"/>
      <c r="GV6" s="61"/>
      <c r="GW6" s="61"/>
      <c r="GX6" s="61"/>
      <c r="GY6" s="61"/>
      <c r="GZ6" s="61"/>
      <c r="HA6" s="61"/>
      <c r="HB6" s="61"/>
      <c r="HC6" s="61"/>
      <c r="HD6" s="61"/>
      <c r="HE6" s="61"/>
      <c r="HF6" s="61"/>
      <c r="HG6" s="61"/>
      <c r="HH6" s="61"/>
      <c r="HI6" s="61"/>
      <c r="HJ6" s="61"/>
      <c r="HK6" s="61"/>
      <c r="HL6" s="61"/>
      <c r="HM6" s="61"/>
      <c r="HN6" s="61"/>
      <c r="HO6" s="61"/>
      <c r="HP6" s="61"/>
      <c r="HQ6" s="61"/>
      <c r="HR6" s="61"/>
      <c r="HS6" s="61"/>
      <c r="HT6" s="61"/>
      <c r="HU6" s="61"/>
      <c r="HV6" s="61"/>
      <c r="HW6" s="61"/>
      <c r="HX6" s="61"/>
      <c r="HY6" s="61"/>
      <c r="HZ6" s="61"/>
      <c r="IA6" s="61"/>
      <c r="IB6" s="61"/>
      <c r="IC6" s="61"/>
      <c r="ID6" s="61"/>
      <c r="IE6" s="61"/>
      <c r="IF6" s="61"/>
      <c r="IG6" s="61"/>
      <c r="IH6" s="61"/>
      <c r="II6" s="61"/>
      <c r="IJ6" s="61"/>
      <c r="IK6" s="61"/>
      <c r="IL6" s="61"/>
      <c r="IM6" s="61"/>
      <c r="IN6" s="61"/>
      <c r="IO6" s="61"/>
      <c r="IP6" s="61"/>
      <c r="IQ6" s="61"/>
      <c r="IR6" s="61"/>
      <c r="IS6" s="61"/>
      <c r="IT6" s="61"/>
      <c r="IU6" s="61"/>
      <c r="IV6" s="61"/>
      <c r="IW6" s="61"/>
      <c r="IX6" s="61"/>
      <c r="IY6" s="61"/>
      <c r="IZ6" s="61"/>
      <c r="JA6" s="61"/>
      <c r="JB6" s="61"/>
      <c r="JC6" s="61"/>
      <c r="JD6" s="61"/>
      <c r="JE6" s="61"/>
      <c r="JF6" s="61"/>
      <c r="JG6" s="61"/>
      <c r="JH6" s="61"/>
      <c r="JI6" s="61"/>
      <c r="JJ6" s="61"/>
      <c r="JK6" s="61"/>
      <c r="JL6" s="61"/>
      <c r="JM6" s="61"/>
      <c r="JN6" s="61"/>
      <c r="JO6" s="61"/>
      <c r="JP6" s="61"/>
      <c r="JQ6" s="61"/>
      <c r="JR6" s="61"/>
      <c r="JS6" s="61"/>
      <c r="JT6" s="61"/>
      <c r="JU6" s="61"/>
      <c r="JV6" s="61"/>
      <c r="JW6" s="61"/>
      <c r="JX6" s="61"/>
      <c r="JY6" s="61"/>
      <c r="JZ6" s="61"/>
      <c r="KA6" s="61"/>
      <c r="KB6" s="61"/>
      <c r="KC6" s="61"/>
      <c r="KD6" s="61"/>
      <c r="KE6" s="61"/>
      <c r="KF6" s="61"/>
      <c r="KG6" s="61"/>
      <c r="KH6" s="61"/>
      <c r="KI6" s="61"/>
      <c r="KJ6" s="61"/>
      <c r="KK6" s="61"/>
      <c r="KL6" s="61"/>
      <c r="KM6" s="61"/>
      <c r="KN6" s="61"/>
      <c r="KO6" s="61"/>
      <c r="KP6" s="61"/>
      <c r="KQ6" s="61"/>
      <c r="KR6" s="61"/>
      <c r="KS6" s="61"/>
      <c r="KT6" s="61"/>
      <c r="KU6" s="61"/>
      <c r="KV6" s="61"/>
      <c r="KW6" s="61"/>
      <c r="KX6" s="61"/>
      <c r="KY6" s="61"/>
      <c r="KZ6" s="61"/>
      <c r="LA6" s="61"/>
      <c r="LB6" s="61"/>
      <c r="LC6" s="61"/>
      <c r="LD6" s="61"/>
      <c r="LE6" s="61"/>
      <c r="LF6" s="61"/>
      <c r="LG6" s="61"/>
      <c r="LH6" s="61"/>
      <c r="LI6" s="61"/>
      <c r="LJ6" s="61"/>
      <c r="LK6" s="61"/>
      <c r="LL6" s="61"/>
      <c r="LM6" s="61"/>
      <c r="LN6" s="61"/>
      <c r="LO6" s="61"/>
      <c r="LP6" s="61"/>
      <c r="LQ6" s="61"/>
      <c r="LR6" s="61"/>
      <c r="LS6" s="61"/>
      <c r="LT6" s="61"/>
      <c r="LU6" s="61"/>
      <c r="LV6" s="61"/>
      <c r="LW6" s="61"/>
      <c r="LX6" s="61"/>
      <c r="LY6" s="61"/>
      <c r="LZ6" s="61"/>
      <c r="MA6" s="61"/>
      <c r="MB6" s="61"/>
      <c r="MC6" s="61"/>
      <c r="MD6" s="61"/>
      <c r="ME6" s="61"/>
      <c r="MF6" s="61"/>
      <c r="MG6" s="61"/>
      <c r="MH6" s="61"/>
      <c r="MI6" s="61"/>
      <c r="MJ6" s="61"/>
      <c r="MK6" s="61"/>
      <c r="ML6" s="61"/>
      <c r="MM6" s="61"/>
      <c r="MN6" s="61"/>
      <c r="MO6" s="61"/>
      <c r="MP6" s="61"/>
      <c r="MQ6" s="61"/>
      <c r="MR6" s="61"/>
      <c r="MS6" s="61"/>
      <c r="MT6" s="61"/>
      <c r="MU6" s="61"/>
      <c r="MV6" s="61"/>
      <c r="MW6" s="61"/>
      <c r="MX6" s="61"/>
      <c r="MY6" s="61"/>
      <c r="MZ6" s="61"/>
      <c r="NA6" s="61"/>
      <c r="NB6" s="61"/>
      <c r="NC6" s="61"/>
      <c r="ND6" s="61"/>
      <c r="NE6" s="61"/>
      <c r="NF6" s="61"/>
      <c r="NG6" s="61"/>
      <c r="NH6" s="61"/>
      <c r="NI6" s="61"/>
      <c r="NJ6" s="61"/>
      <c r="NK6" s="61"/>
      <c r="NL6" s="61"/>
      <c r="NM6" s="61"/>
      <c r="NN6" s="61"/>
      <c r="NO6" s="61"/>
      <c r="NP6" s="61"/>
      <c r="NQ6" s="61"/>
      <c r="NR6" s="61"/>
      <c r="NS6" s="61"/>
      <c r="NT6" s="61"/>
      <c r="NU6" s="61"/>
      <c r="NV6" s="61"/>
      <c r="NW6" s="61"/>
      <c r="NX6" s="61"/>
      <c r="NY6" s="61"/>
      <c r="NZ6" s="61"/>
      <c r="OA6" s="61"/>
      <c r="OB6" s="61"/>
      <c r="OC6" s="61"/>
      <c r="OD6" s="61"/>
      <c r="OE6" s="61"/>
      <c r="OF6" s="61"/>
      <c r="OG6" s="61"/>
      <c r="OH6" s="61"/>
      <c r="OI6" s="61"/>
      <c r="OJ6" s="61"/>
      <c r="OK6" s="61"/>
      <c r="OL6" s="61"/>
      <c r="OM6" s="61"/>
      <c r="ON6" s="61"/>
      <c r="OO6" s="61"/>
      <c r="OP6" s="61"/>
      <c r="OQ6" s="61"/>
      <c r="OR6" s="61"/>
      <c r="OS6" s="61"/>
      <c r="OT6" s="61"/>
      <c r="OU6" s="61"/>
      <c r="OV6" s="61"/>
      <c r="OW6" s="61"/>
      <c r="OX6" s="61"/>
      <c r="OY6" s="61"/>
      <c r="OZ6" s="61"/>
      <c r="PA6" s="61"/>
      <c r="PB6" s="61"/>
      <c r="PC6" s="61"/>
      <c r="PD6" s="61"/>
      <c r="PE6" s="61"/>
      <c r="PF6" s="61"/>
      <c r="PG6" s="61"/>
      <c r="PH6" s="61"/>
      <c r="PI6" s="61"/>
      <c r="PJ6" s="80"/>
      <c r="PK6" s="80"/>
      <c r="PL6" s="80"/>
      <c r="PM6" s="80"/>
      <c r="PN6" s="80"/>
      <c r="PO6" s="80"/>
    </row>
    <row r="7" spans="1:431" x14ac:dyDescent="0.3">
      <c r="C7" s="98" t="str" cm="1">
        <f t="array" ref="C7">_xlfn._xlws.FILTER('Vurdering av bærekraftstema'!D15:D20,'Vurdering av bærekraftstema'!E15:E20=C6,"")</f>
        <v/>
      </c>
      <c r="D7" s="98" t="str" cm="1">
        <f t="array" ref="D7">_xlfn._xlws.FILTER('Vurdering av bærekraftstema'!D15:D20,'Vurdering av bærekraftstema'!E15:E20=D6,"")</f>
        <v/>
      </c>
      <c r="E7" s="98" t="str" cm="1">
        <f t="array" ref="E7">_xlfn._xlws.FILTER('Vurdering av bærekraftstema'!D15:D20,'Vurdering av bærekraftstema'!E15:E20=E6,"")</f>
        <v/>
      </c>
      <c r="F7" s="98" t="str" cm="1">
        <f t="array" ref="F7">_xlfn._xlws.FILTER('Vurdering av bærekraftstema'!D15:D20,'Vurdering av bærekraftstema'!E15:E20=F6,"")</f>
        <v/>
      </c>
      <c r="G7" s="98" t="str" cm="1">
        <f t="array" ref="G7">_xlfn._xlws.FILTER('Vurdering av bærekraftstema'!D15:D20,'Vurdering av bærekraftstema'!E15:E20=G6,"")</f>
        <v/>
      </c>
      <c r="H7" s="34"/>
      <c r="I7" s="34"/>
      <c r="J7" s="34"/>
      <c r="K7" s="34"/>
      <c r="L7" s="34"/>
      <c r="M7" s="34"/>
      <c r="PJ7" s="80"/>
      <c r="PK7" s="80"/>
      <c r="PL7" s="80"/>
      <c r="PM7" s="80"/>
      <c r="PN7" s="80"/>
      <c r="PO7" s="80"/>
    </row>
    <row r="8" spans="1:431" x14ac:dyDescent="0.3">
      <c r="C8" s="78"/>
      <c r="D8" s="78"/>
      <c r="E8" s="78"/>
      <c r="F8" s="78"/>
      <c r="G8" s="78"/>
      <c r="H8" s="34"/>
      <c r="I8" s="34"/>
      <c r="J8" s="34"/>
      <c r="K8" s="34"/>
      <c r="L8" s="34"/>
      <c r="M8" s="34"/>
      <c r="PJ8" s="80"/>
      <c r="PK8" s="80"/>
      <c r="PL8" s="80"/>
      <c r="PM8" s="80"/>
      <c r="PN8" s="80"/>
      <c r="PO8" s="80"/>
    </row>
    <row r="9" spans="1:431" x14ac:dyDescent="0.3">
      <c r="C9" s="78"/>
      <c r="D9" s="78"/>
      <c r="E9" s="78"/>
      <c r="F9" s="78"/>
      <c r="G9" s="78"/>
      <c r="H9" s="34"/>
      <c r="I9" s="34"/>
      <c r="J9" s="34"/>
      <c r="K9" s="34"/>
      <c r="L9" s="34"/>
      <c r="M9" s="34"/>
      <c r="PJ9" s="80"/>
      <c r="PK9" s="80"/>
      <c r="PL9" s="80"/>
      <c r="PM9" s="80"/>
      <c r="PN9" s="80"/>
      <c r="PO9" s="80"/>
    </row>
    <row r="10" spans="1:431" x14ac:dyDescent="0.3">
      <c r="C10" s="78"/>
      <c r="D10" s="78"/>
      <c r="E10" s="78"/>
      <c r="F10" s="78"/>
      <c r="G10" s="78"/>
      <c r="H10" s="34"/>
      <c r="I10" s="34"/>
      <c r="J10" s="34"/>
      <c r="K10" s="34"/>
      <c r="L10" s="34"/>
      <c r="M10" s="34"/>
      <c r="PJ10" s="80"/>
      <c r="PK10" s="80"/>
      <c r="PL10" s="80"/>
      <c r="PM10" s="80"/>
      <c r="PN10" s="80"/>
      <c r="PO10" s="80"/>
    </row>
    <row r="11" spans="1:431" s="34" customFormat="1" x14ac:dyDescent="0.3">
      <c r="A11" s="33"/>
    </row>
    <row r="12" spans="1:431" s="34" customFormat="1" ht="15.05" customHeight="1" x14ac:dyDescent="0.3">
      <c r="A12" s="33"/>
      <c r="C12" s="39" t="s">
        <v>57</v>
      </c>
      <c r="D12" s="40"/>
      <c r="E12" s="40"/>
      <c r="F12" s="40"/>
      <c r="G12" s="82"/>
    </row>
    <row r="13" spans="1:431" s="34" customFormat="1" x14ac:dyDescent="0.3">
      <c r="A13" s="33"/>
      <c r="C13" s="83"/>
      <c r="D13" s="84"/>
      <c r="E13" s="84"/>
      <c r="F13" s="84"/>
      <c r="G13" s="85"/>
    </row>
    <row r="14" spans="1:431" s="34" customFormat="1" x14ac:dyDescent="0.3">
      <c r="A14" s="33"/>
      <c r="C14" s="86"/>
      <c r="D14" s="87"/>
      <c r="E14" s="87"/>
      <c r="F14" s="87"/>
      <c r="G14" s="88"/>
    </row>
    <row r="15" spans="1:431" s="34" customFormat="1" x14ac:dyDescent="0.3">
      <c r="A15" s="33"/>
    </row>
    <row r="16" spans="1:431" ht="18.2" x14ac:dyDescent="0.35">
      <c r="C16" s="89" t="s">
        <v>58</v>
      </c>
      <c r="D16" s="89"/>
      <c r="E16" s="89"/>
      <c r="F16" s="89"/>
      <c r="G16" s="89"/>
      <c r="H16" s="34"/>
      <c r="I16" s="34"/>
      <c r="J16" s="34"/>
      <c r="K16" s="34"/>
      <c r="L16" s="34"/>
      <c r="M16" s="34"/>
    </row>
    <row r="17" spans="1:13" x14ac:dyDescent="0.3">
      <c r="C17" s="90" t="s">
        <v>59</v>
      </c>
      <c r="D17" s="90"/>
      <c r="E17" s="90"/>
      <c r="F17" s="90"/>
      <c r="G17" s="90"/>
      <c r="H17" s="34"/>
      <c r="I17" s="34"/>
      <c r="J17" s="34"/>
      <c r="K17" s="34"/>
      <c r="L17" s="34"/>
      <c r="M17" s="34"/>
    </row>
    <row r="18" spans="1:13" s="34" customFormat="1" x14ac:dyDescent="0.3">
      <c r="A18" s="33"/>
    </row>
    <row r="19" spans="1:13" ht="15.65" thickBot="1" x14ac:dyDescent="0.35">
      <c r="C19" s="93" t="s">
        <v>2</v>
      </c>
      <c r="D19" s="94" t="s">
        <v>3</v>
      </c>
      <c r="E19" s="95" t="s">
        <v>4</v>
      </c>
      <c r="F19" s="96" t="s">
        <v>5</v>
      </c>
      <c r="G19" s="97" t="s">
        <v>6</v>
      </c>
      <c r="H19" s="34"/>
      <c r="I19" s="34"/>
      <c r="J19" s="34"/>
      <c r="K19" s="34"/>
      <c r="L19" s="34"/>
      <c r="M19" s="34"/>
    </row>
    <row r="20" spans="1:13" x14ac:dyDescent="0.3">
      <c r="C20" s="98" t="str" cm="1">
        <f t="array" ref="C20">_xlfn._xlws.FILTER('Vurdering av bærekraftstema'!D21:D26,'Vurdering av bærekraftstema'!E21:E26=C19,"")</f>
        <v/>
      </c>
      <c r="D20" s="98" t="str" cm="1">
        <f t="array" ref="D20">_xlfn._xlws.FILTER('Vurdering av bærekraftstema'!D21:D26,'Vurdering av bærekraftstema'!E21:E26=D19,"")</f>
        <v/>
      </c>
      <c r="E20" s="98" t="str" cm="1">
        <f t="array" ref="E20">_xlfn._xlws.FILTER('Vurdering av bærekraftstema'!D21:D26,'Vurdering av bærekraftstema'!E21:E26=E19,"")</f>
        <v/>
      </c>
      <c r="F20" s="98" t="str" cm="1">
        <f t="array" ref="F20">_xlfn._xlws.FILTER('Vurdering av bærekraftstema'!D21:D26,'Vurdering av bærekraftstema'!E21:E26=F19,"")</f>
        <v/>
      </c>
      <c r="G20" s="98" t="str" cm="1">
        <f t="array" ref="G20">_xlfn._xlws.FILTER('Vurdering av bærekraftstema'!D21:D26,'Vurdering av bærekraftstema'!E21:E26=G19,"")</f>
        <v/>
      </c>
      <c r="H20" s="34"/>
      <c r="I20" s="34"/>
      <c r="J20" s="34"/>
      <c r="K20" s="34"/>
      <c r="L20" s="34"/>
      <c r="M20" s="34"/>
    </row>
    <row r="21" spans="1:13" x14ac:dyDescent="0.3">
      <c r="C21" s="78"/>
      <c r="D21" s="78"/>
      <c r="E21" s="78"/>
      <c r="F21" s="78"/>
      <c r="G21" s="78"/>
      <c r="H21" s="34"/>
      <c r="I21" s="34"/>
      <c r="J21" s="34"/>
      <c r="K21" s="34"/>
      <c r="L21" s="34"/>
      <c r="M21" s="34"/>
    </row>
    <row r="22" spans="1:13" x14ac:dyDescent="0.3">
      <c r="C22" s="78"/>
      <c r="D22" s="78"/>
      <c r="E22" s="78"/>
      <c r="F22" s="78"/>
      <c r="G22" s="78"/>
      <c r="H22" s="34"/>
      <c r="I22" s="34"/>
      <c r="J22" s="34"/>
      <c r="K22" s="34"/>
      <c r="L22" s="34"/>
      <c r="M22" s="34"/>
    </row>
    <row r="23" spans="1:13" x14ac:dyDescent="0.3">
      <c r="C23" s="78"/>
      <c r="D23" s="78"/>
      <c r="E23" s="78"/>
      <c r="F23" s="78"/>
      <c r="G23" s="78"/>
      <c r="H23" s="34"/>
      <c r="I23" s="34"/>
      <c r="J23" s="34"/>
      <c r="K23" s="34"/>
      <c r="L23" s="34"/>
      <c r="M23" s="34"/>
    </row>
    <row r="24" spans="1:13" x14ac:dyDescent="0.3">
      <c r="C24" s="78"/>
      <c r="D24" s="78"/>
      <c r="E24" s="78"/>
      <c r="F24" s="99"/>
      <c r="G24" s="78"/>
      <c r="H24" s="34"/>
      <c r="I24" s="34"/>
      <c r="J24" s="34"/>
      <c r="K24" s="34"/>
      <c r="L24" s="34"/>
      <c r="M24" s="34"/>
    </row>
    <row r="25" spans="1:13" s="34" customFormat="1" x14ac:dyDescent="0.3">
      <c r="A25" s="33"/>
    </row>
    <row r="26" spans="1:13" s="34" customFormat="1" ht="15.05" customHeight="1" x14ac:dyDescent="0.3">
      <c r="A26" s="33"/>
      <c r="C26" s="39" t="s">
        <v>60</v>
      </c>
      <c r="D26" s="40"/>
      <c r="E26" s="40"/>
      <c r="F26" s="40"/>
      <c r="G26" s="82"/>
    </row>
    <row r="27" spans="1:13" s="34" customFormat="1" x14ac:dyDescent="0.3">
      <c r="A27" s="33"/>
      <c r="C27" s="83"/>
      <c r="D27" s="84"/>
      <c r="E27" s="84"/>
      <c r="F27" s="84"/>
      <c r="G27" s="85"/>
    </row>
    <row r="28" spans="1:13" s="34" customFormat="1" x14ac:dyDescent="0.3">
      <c r="A28" s="33"/>
      <c r="C28" s="86"/>
      <c r="D28" s="87"/>
      <c r="E28" s="87"/>
      <c r="F28" s="87"/>
      <c r="G28" s="88"/>
    </row>
    <row r="29" spans="1:13" s="34" customFormat="1" x14ac:dyDescent="0.3">
      <c r="A29" s="33"/>
    </row>
    <row r="30" spans="1:13" ht="18.2" x14ac:dyDescent="0.35">
      <c r="C30" s="91" t="s">
        <v>61</v>
      </c>
      <c r="D30" s="91"/>
      <c r="E30" s="91"/>
      <c r="F30" s="91"/>
      <c r="G30" s="91"/>
      <c r="H30" s="34"/>
      <c r="I30" s="34"/>
      <c r="J30" s="34"/>
      <c r="K30" s="34"/>
      <c r="L30" s="34"/>
      <c r="M30" s="34"/>
    </row>
    <row r="31" spans="1:13" ht="31.5" customHeight="1" x14ac:dyDescent="0.3">
      <c r="C31" s="92" t="s">
        <v>62</v>
      </c>
      <c r="D31" s="92"/>
      <c r="E31" s="92"/>
      <c r="F31" s="92"/>
      <c r="G31" s="92"/>
      <c r="H31" s="34"/>
      <c r="I31" s="34"/>
      <c r="J31" s="34"/>
      <c r="K31" s="34"/>
      <c r="L31" s="34"/>
      <c r="M31" s="34"/>
    </row>
    <row r="32" spans="1:13" s="34" customFormat="1" x14ac:dyDescent="0.3">
      <c r="A32" s="33"/>
    </row>
    <row r="33" spans="1:13" ht="15.65" thickBot="1" x14ac:dyDescent="0.35">
      <c r="C33" s="93" t="s">
        <v>2</v>
      </c>
      <c r="D33" s="94" t="s">
        <v>3</v>
      </c>
      <c r="E33" s="95" t="s">
        <v>4</v>
      </c>
      <c r="F33" s="96" t="s">
        <v>5</v>
      </c>
      <c r="G33" s="97" t="s">
        <v>6</v>
      </c>
      <c r="H33" s="34"/>
      <c r="I33" s="34"/>
      <c r="J33" s="34"/>
      <c r="K33" s="34"/>
      <c r="L33" s="34"/>
      <c r="M33" s="34"/>
    </row>
    <row r="34" spans="1:13" x14ac:dyDescent="0.3">
      <c r="C34" s="98" t="str" cm="1">
        <f t="array" ref="C34">_xlfn._xlws.FILTER('Vurdering av bærekraftstema'!D27:D30,'Vurdering av bærekraftstema'!E27:E30=C33,"")</f>
        <v/>
      </c>
      <c r="D34" s="98" t="str" cm="1">
        <f t="array" ref="D34">_xlfn._xlws.FILTER('Vurdering av bærekraftstema'!D27:D30,'Vurdering av bærekraftstema'!E27:E30=D33,"")</f>
        <v/>
      </c>
      <c r="E34" s="98" t="str" cm="1">
        <f t="array" ref="E34">_xlfn._xlws.FILTER('Vurdering av bærekraftstema'!D27:D30,'Vurdering av bærekraftstema'!E27:E30=E33,"")</f>
        <v/>
      </c>
      <c r="F34" s="98" t="str" cm="1">
        <f t="array" ref="F34">_xlfn._xlws.FILTER('Vurdering av bærekraftstema'!D27:D30,'Vurdering av bærekraftstema'!E27:E30=F33,"")</f>
        <v/>
      </c>
      <c r="G34" s="98" t="str" cm="1">
        <f t="array" ref="G34">_xlfn._xlws.FILTER('Vurdering av bærekraftstema'!D27:D30,'Vurdering av bærekraftstema'!E27:E30=G33,"")</f>
        <v/>
      </c>
      <c r="H34" s="34"/>
      <c r="I34" s="34"/>
      <c r="J34" s="34"/>
      <c r="K34" s="34"/>
      <c r="L34" s="34"/>
      <c r="M34" s="34"/>
    </row>
    <row r="35" spans="1:13" x14ac:dyDescent="0.3">
      <c r="C35" s="78"/>
      <c r="D35" s="78"/>
      <c r="E35" s="78"/>
      <c r="F35" s="78"/>
      <c r="G35" s="78"/>
      <c r="H35" s="34"/>
      <c r="I35" s="34"/>
      <c r="J35" s="34"/>
      <c r="K35" s="34"/>
      <c r="L35" s="34"/>
      <c r="M35" s="34"/>
    </row>
    <row r="36" spans="1:13" x14ac:dyDescent="0.3">
      <c r="C36" s="78"/>
      <c r="D36" s="78"/>
      <c r="E36" s="78"/>
      <c r="F36" s="78"/>
      <c r="G36" s="78"/>
      <c r="H36" s="34"/>
      <c r="I36" s="34"/>
      <c r="J36" s="34"/>
      <c r="K36" s="34"/>
      <c r="L36" s="34"/>
      <c r="M36" s="34"/>
    </row>
    <row r="37" spans="1:13" x14ac:dyDescent="0.3">
      <c r="C37" s="78"/>
      <c r="D37" s="78"/>
      <c r="E37" s="78"/>
      <c r="F37" s="78"/>
      <c r="G37" s="78"/>
      <c r="H37" s="34"/>
      <c r="I37" s="34"/>
      <c r="J37" s="34"/>
      <c r="K37" s="34"/>
      <c r="L37" s="34"/>
      <c r="M37" s="34"/>
    </row>
    <row r="38" spans="1:13" x14ac:dyDescent="0.3">
      <c r="C38" s="78"/>
      <c r="D38" s="78"/>
      <c r="E38" s="78"/>
      <c r="F38" s="99"/>
      <c r="G38" s="78"/>
      <c r="H38" s="34"/>
      <c r="I38" s="34"/>
      <c r="J38" s="34"/>
      <c r="K38" s="34"/>
      <c r="L38" s="34"/>
      <c r="M38" s="34"/>
    </row>
    <row r="39" spans="1:13" s="34" customFormat="1" x14ac:dyDescent="0.3">
      <c r="A39" s="33"/>
    </row>
    <row r="40" spans="1:13" s="34" customFormat="1" ht="15.05" customHeight="1" x14ac:dyDescent="0.3">
      <c r="A40" s="33"/>
      <c r="C40" s="39" t="s">
        <v>63</v>
      </c>
      <c r="D40" s="40"/>
      <c r="E40" s="40"/>
      <c r="F40" s="40"/>
      <c r="G40" s="82"/>
    </row>
    <row r="41" spans="1:13" s="34" customFormat="1" x14ac:dyDescent="0.3">
      <c r="A41" s="33"/>
      <c r="C41" s="83"/>
      <c r="D41" s="84"/>
      <c r="E41" s="84"/>
      <c r="F41" s="84"/>
      <c r="G41" s="85"/>
    </row>
    <row r="42" spans="1:13" s="34" customFormat="1" x14ac:dyDescent="0.3">
      <c r="A42" s="33"/>
      <c r="C42" s="86"/>
      <c r="D42" s="87"/>
      <c r="E42" s="87"/>
      <c r="F42" s="87"/>
      <c r="G42" s="88"/>
    </row>
    <row r="43" spans="1:13" s="34" customFormat="1" x14ac:dyDescent="0.3">
      <c r="A43" s="33"/>
    </row>
    <row r="44" spans="1:13" s="34" customFormat="1" x14ac:dyDescent="0.3">
      <c r="A44" s="33"/>
    </row>
    <row r="45" spans="1:13" s="34" customFormat="1" x14ac:dyDescent="0.3">
      <c r="A45" s="33"/>
    </row>
    <row r="46" spans="1:13" s="34" customFormat="1" x14ac:dyDescent="0.3">
      <c r="A46" s="33"/>
    </row>
    <row r="47" spans="1:13" s="34" customFormat="1" x14ac:dyDescent="0.3">
      <c r="A47" s="33"/>
    </row>
    <row r="48" spans="1:13" s="34" customFormat="1" x14ac:dyDescent="0.3">
      <c r="A48" s="33"/>
    </row>
    <row r="49" spans="1:1" s="34" customFormat="1" x14ac:dyDescent="0.3">
      <c r="A49" s="33"/>
    </row>
    <row r="50" spans="1:1" s="34" customFormat="1" x14ac:dyDescent="0.3">
      <c r="A50" s="33"/>
    </row>
    <row r="51" spans="1:1" s="34" customFormat="1" x14ac:dyDescent="0.3">
      <c r="A51" s="33"/>
    </row>
    <row r="52" spans="1:1" s="34" customFormat="1" x14ac:dyDescent="0.3">
      <c r="A52" s="33"/>
    </row>
    <row r="53" spans="1:1" s="34" customFormat="1" x14ac:dyDescent="0.3">
      <c r="A53" s="33"/>
    </row>
    <row r="54" spans="1:1" s="34" customFormat="1" x14ac:dyDescent="0.3">
      <c r="A54" s="33"/>
    </row>
    <row r="55" spans="1:1" s="34" customFormat="1" x14ac:dyDescent="0.3">
      <c r="A55" s="33"/>
    </row>
    <row r="56" spans="1:1" s="34" customFormat="1" x14ac:dyDescent="0.3">
      <c r="A56" s="33"/>
    </row>
    <row r="57" spans="1:1" s="34" customFormat="1" x14ac:dyDescent="0.3">
      <c r="A57" s="33"/>
    </row>
    <row r="58" spans="1:1" s="34" customFormat="1" x14ac:dyDescent="0.3">
      <c r="A58" s="33"/>
    </row>
    <row r="59" spans="1:1" s="34" customFormat="1" x14ac:dyDescent="0.3">
      <c r="A59" s="33"/>
    </row>
    <row r="60" spans="1:1" s="34" customFormat="1" x14ac:dyDescent="0.3">
      <c r="A60" s="33"/>
    </row>
    <row r="61" spans="1:1" s="34" customFormat="1" x14ac:dyDescent="0.3">
      <c r="A61" s="33"/>
    </row>
    <row r="62" spans="1:1" s="34" customFormat="1" x14ac:dyDescent="0.3">
      <c r="A62" s="33"/>
    </row>
    <row r="63" spans="1:1" s="34" customFormat="1" x14ac:dyDescent="0.3">
      <c r="A63" s="33"/>
    </row>
    <row r="64" spans="1:1" s="34" customFormat="1" x14ac:dyDescent="0.3">
      <c r="A64" s="33"/>
    </row>
    <row r="65" spans="1:1" s="34" customFormat="1" x14ac:dyDescent="0.3">
      <c r="A65" s="33"/>
    </row>
    <row r="66" spans="1:1" s="34" customFormat="1" x14ac:dyDescent="0.3">
      <c r="A66" s="33"/>
    </row>
    <row r="67" spans="1:1" s="34" customFormat="1" x14ac:dyDescent="0.3">
      <c r="A67" s="33"/>
    </row>
    <row r="68" spans="1:1" s="34" customFormat="1" x14ac:dyDescent="0.3">
      <c r="A68" s="33"/>
    </row>
    <row r="69" spans="1:1" s="34" customFormat="1" x14ac:dyDescent="0.3">
      <c r="A69" s="33"/>
    </row>
    <row r="70" spans="1:1" s="34" customFormat="1" x14ac:dyDescent="0.3">
      <c r="A70" s="33"/>
    </row>
    <row r="71" spans="1:1" s="34" customFormat="1" x14ac:dyDescent="0.3">
      <c r="A71" s="33"/>
    </row>
    <row r="72" spans="1:1" s="34" customFormat="1" x14ac:dyDescent="0.3">
      <c r="A72" s="33"/>
    </row>
    <row r="73" spans="1:1" s="34" customFormat="1" x14ac:dyDescent="0.3">
      <c r="A73" s="33"/>
    </row>
    <row r="74" spans="1:1" s="34" customFormat="1" x14ac:dyDescent="0.3">
      <c r="A74" s="33"/>
    </row>
    <row r="75" spans="1:1" s="34" customFormat="1" x14ac:dyDescent="0.3">
      <c r="A75" s="33"/>
    </row>
    <row r="76" spans="1:1" s="34" customFormat="1" x14ac:dyDescent="0.3">
      <c r="A76" s="33"/>
    </row>
    <row r="77" spans="1:1" s="34" customFormat="1" x14ac:dyDescent="0.3">
      <c r="A77" s="33"/>
    </row>
    <row r="78" spans="1:1" s="34" customFormat="1" x14ac:dyDescent="0.3">
      <c r="A78" s="33"/>
    </row>
    <row r="79" spans="1:1" s="34" customFormat="1" x14ac:dyDescent="0.3">
      <c r="A79" s="33"/>
    </row>
    <row r="80" spans="1:1" s="34" customFormat="1" x14ac:dyDescent="0.3">
      <c r="A80" s="33"/>
    </row>
    <row r="81" spans="1:1" s="34" customFormat="1" x14ac:dyDescent="0.3">
      <c r="A81" s="33"/>
    </row>
    <row r="82" spans="1:1" s="34" customFormat="1" x14ac:dyDescent="0.3">
      <c r="A82" s="33"/>
    </row>
    <row r="83" spans="1:1" s="34" customFormat="1" x14ac:dyDescent="0.3">
      <c r="A83" s="33"/>
    </row>
    <row r="84" spans="1:1" s="34" customFormat="1" x14ac:dyDescent="0.3">
      <c r="A84" s="33"/>
    </row>
    <row r="85" spans="1:1" s="34" customFormat="1" x14ac:dyDescent="0.3">
      <c r="A85" s="33"/>
    </row>
    <row r="86" spans="1:1" s="34" customFormat="1" x14ac:dyDescent="0.3">
      <c r="A86" s="33"/>
    </row>
    <row r="87" spans="1:1" s="34" customFormat="1" x14ac:dyDescent="0.3">
      <c r="A87" s="33"/>
    </row>
    <row r="88" spans="1:1" s="34" customFormat="1" x14ac:dyDescent="0.3">
      <c r="A88" s="33"/>
    </row>
    <row r="89" spans="1:1" s="34" customFormat="1" x14ac:dyDescent="0.3">
      <c r="A89" s="33"/>
    </row>
    <row r="90" spans="1:1" s="34" customFormat="1" x14ac:dyDescent="0.3">
      <c r="A90" s="33"/>
    </row>
    <row r="91" spans="1:1" s="34" customFormat="1" x14ac:dyDescent="0.3">
      <c r="A91" s="33"/>
    </row>
    <row r="92" spans="1:1" s="34" customFormat="1" x14ac:dyDescent="0.3">
      <c r="A92" s="33"/>
    </row>
    <row r="93" spans="1:1" s="34" customFormat="1" x14ac:dyDescent="0.3">
      <c r="A93" s="33"/>
    </row>
    <row r="94" spans="1:1" s="34" customFormat="1" x14ac:dyDescent="0.3">
      <c r="A94" s="33"/>
    </row>
    <row r="95" spans="1:1" s="34" customFormat="1" x14ac:dyDescent="0.3">
      <c r="A95" s="33"/>
    </row>
    <row r="96" spans="1:1" s="34" customFormat="1" x14ac:dyDescent="0.3">
      <c r="A96" s="33"/>
    </row>
    <row r="97" spans="1:1" s="34" customFormat="1" x14ac:dyDescent="0.3">
      <c r="A97" s="33"/>
    </row>
    <row r="98" spans="1:1" s="34" customFormat="1" x14ac:dyDescent="0.3">
      <c r="A98" s="33"/>
    </row>
    <row r="99" spans="1:1" s="34" customFormat="1" x14ac:dyDescent="0.3">
      <c r="A99" s="33"/>
    </row>
    <row r="100" spans="1:1" s="34" customFormat="1" x14ac:dyDescent="0.3">
      <c r="A100" s="33"/>
    </row>
    <row r="101" spans="1:1" s="34" customFormat="1" x14ac:dyDescent="0.3">
      <c r="A101" s="33"/>
    </row>
    <row r="102" spans="1:1" s="34" customFormat="1" x14ac:dyDescent="0.3">
      <c r="A102" s="33"/>
    </row>
    <row r="103" spans="1:1" s="34" customFormat="1" x14ac:dyDescent="0.3">
      <c r="A103" s="33"/>
    </row>
    <row r="104" spans="1:1" s="34" customFormat="1" x14ac:dyDescent="0.3">
      <c r="A104" s="33"/>
    </row>
    <row r="105" spans="1:1" s="34" customFormat="1" x14ac:dyDescent="0.3">
      <c r="A105" s="33"/>
    </row>
    <row r="106" spans="1:1" s="34" customFormat="1" x14ac:dyDescent="0.3">
      <c r="A106" s="33"/>
    </row>
    <row r="107" spans="1:1" s="34" customFormat="1" x14ac:dyDescent="0.3">
      <c r="A107" s="33"/>
    </row>
    <row r="108" spans="1:1" s="34" customFormat="1" x14ac:dyDescent="0.3">
      <c r="A108" s="33"/>
    </row>
    <row r="109" spans="1:1" s="34" customFormat="1" x14ac:dyDescent="0.3">
      <c r="A109" s="33"/>
    </row>
    <row r="110" spans="1:1" s="34" customFormat="1" x14ac:dyDescent="0.3">
      <c r="A110" s="33"/>
    </row>
    <row r="111" spans="1:1" s="34" customFormat="1" x14ac:dyDescent="0.3">
      <c r="A111" s="33"/>
    </row>
    <row r="112" spans="1:1" s="34" customFormat="1" x14ac:dyDescent="0.3">
      <c r="A112" s="33"/>
    </row>
    <row r="113" spans="1:1" s="34" customFormat="1" x14ac:dyDescent="0.3">
      <c r="A113" s="33"/>
    </row>
    <row r="114" spans="1:1" s="34" customFormat="1" x14ac:dyDescent="0.3">
      <c r="A114" s="33"/>
    </row>
    <row r="115" spans="1:1" s="34" customFormat="1" x14ac:dyDescent="0.3">
      <c r="A115" s="33"/>
    </row>
    <row r="116" spans="1:1" s="34" customFormat="1" x14ac:dyDescent="0.3">
      <c r="A116" s="33"/>
    </row>
    <row r="117" spans="1:1" s="34" customFormat="1" x14ac:dyDescent="0.3">
      <c r="A117" s="33"/>
    </row>
    <row r="118" spans="1:1" s="34" customFormat="1" x14ac:dyDescent="0.3">
      <c r="A118" s="33"/>
    </row>
    <row r="119" spans="1:1" s="34" customFormat="1" x14ac:dyDescent="0.3">
      <c r="A119" s="33"/>
    </row>
    <row r="120" spans="1:1" s="34" customFormat="1" x14ac:dyDescent="0.3">
      <c r="A120" s="33"/>
    </row>
    <row r="121" spans="1:1" s="34" customFormat="1" x14ac:dyDescent="0.3">
      <c r="A121" s="33"/>
    </row>
    <row r="122" spans="1:1" s="34" customFormat="1" x14ac:dyDescent="0.3">
      <c r="A122" s="33"/>
    </row>
    <row r="123" spans="1:1" s="34" customFormat="1" x14ac:dyDescent="0.3">
      <c r="A123" s="33"/>
    </row>
    <row r="124" spans="1:1" s="34" customFormat="1" x14ac:dyDescent="0.3">
      <c r="A124" s="33"/>
    </row>
    <row r="125" spans="1:1" s="34" customFormat="1" x14ac:dyDescent="0.3">
      <c r="A125" s="33"/>
    </row>
    <row r="126" spans="1:1" s="34" customFormat="1" x14ac:dyDescent="0.3">
      <c r="A126" s="33"/>
    </row>
    <row r="127" spans="1:1" s="34" customFormat="1" x14ac:dyDescent="0.3">
      <c r="A127" s="33"/>
    </row>
    <row r="128" spans="1:1" s="34" customFormat="1" x14ac:dyDescent="0.3">
      <c r="A128" s="33"/>
    </row>
    <row r="129" spans="1:1" s="34" customFormat="1" x14ac:dyDescent="0.3">
      <c r="A129" s="33"/>
    </row>
    <row r="130" spans="1:1" s="34" customFormat="1" x14ac:dyDescent="0.3">
      <c r="A130" s="33"/>
    </row>
    <row r="131" spans="1:1" s="34" customFormat="1" x14ac:dyDescent="0.3">
      <c r="A131" s="33"/>
    </row>
    <row r="132" spans="1:1" s="34" customFormat="1" x14ac:dyDescent="0.3">
      <c r="A132" s="33"/>
    </row>
    <row r="133" spans="1:1" s="34" customFormat="1" x14ac:dyDescent="0.3">
      <c r="A133" s="33"/>
    </row>
    <row r="134" spans="1:1" s="34" customFormat="1" x14ac:dyDescent="0.3">
      <c r="A134" s="33"/>
    </row>
    <row r="135" spans="1:1" s="34" customFormat="1" x14ac:dyDescent="0.3">
      <c r="A135" s="33"/>
    </row>
    <row r="136" spans="1:1" s="34" customFormat="1" x14ac:dyDescent="0.3">
      <c r="A136" s="33"/>
    </row>
    <row r="137" spans="1:1" s="34" customFormat="1" x14ac:dyDescent="0.3">
      <c r="A137" s="33"/>
    </row>
    <row r="138" spans="1:1" s="34" customFormat="1" x14ac:dyDescent="0.3">
      <c r="A138" s="33"/>
    </row>
    <row r="139" spans="1:1" s="34" customFormat="1" x14ac:dyDescent="0.3">
      <c r="A139" s="33"/>
    </row>
    <row r="140" spans="1:1" s="34" customFormat="1" x14ac:dyDescent="0.3">
      <c r="A140" s="33"/>
    </row>
    <row r="141" spans="1:1" s="34" customFormat="1" x14ac:dyDescent="0.3">
      <c r="A141" s="33"/>
    </row>
    <row r="142" spans="1:1" s="34" customFormat="1" x14ac:dyDescent="0.3">
      <c r="A142" s="33"/>
    </row>
    <row r="143" spans="1:1" s="34" customFormat="1" x14ac:dyDescent="0.3">
      <c r="A143" s="33"/>
    </row>
    <row r="144" spans="1:1" s="34" customFormat="1" x14ac:dyDescent="0.3">
      <c r="A144" s="33"/>
    </row>
    <row r="145" spans="1:1" s="34" customFormat="1" x14ac:dyDescent="0.3">
      <c r="A145" s="33"/>
    </row>
    <row r="146" spans="1:1" s="34" customFormat="1" x14ac:dyDescent="0.3">
      <c r="A146" s="33"/>
    </row>
    <row r="147" spans="1:1" s="34" customFormat="1" x14ac:dyDescent="0.3">
      <c r="A147" s="33"/>
    </row>
    <row r="148" spans="1:1" s="34" customFormat="1" x14ac:dyDescent="0.3">
      <c r="A148" s="33"/>
    </row>
    <row r="149" spans="1:1" s="34" customFormat="1" x14ac:dyDescent="0.3">
      <c r="A149" s="33"/>
    </row>
    <row r="150" spans="1:1" s="34" customFormat="1" x14ac:dyDescent="0.3">
      <c r="A150" s="33"/>
    </row>
    <row r="151" spans="1:1" s="34" customFormat="1" x14ac:dyDescent="0.3">
      <c r="A151" s="33"/>
    </row>
    <row r="152" spans="1:1" s="34" customFormat="1" x14ac:dyDescent="0.3">
      <c r="A152" s="33"/>
    </row>
    <row r="153" spans="1:1" s="34" customFormat="1" x14ac:dyDescent="0.3">
      <c r="A153" s="33"/>
    </row>
    <row r="154" spans="1:1" s="34" customFormat="1" x14ac:dyDescent="0.3">
      <c r="A154" s="33"/>
    </row>
    <row r="155" spans="1:1" s="34" customFormat="1" x14ac:dyDescent="0.3">
      <c r="A155" s="33"/>
    </row>
    <row r="156" spans="1:1" s="34" customFormat="1" x14ac:dyDescent="0.3">
      <c r="A156" s="33"/>
    </row>
    <row r="157" spans="1:1" s="34" customFormat="1" x14ac:dyDescent="0.3">
      <c r="A157" s="33"/>
    </row>
    <row r="158" spans="1:1" s="34" customFormat="1" x14ac:dyDescent="0.3">
      <c r="A158" s="33"/>
    </row>
    <row r="159" spans="1:1" s="34" customFormat="1" x14ac:dyDescent="0.3">
      <c r="A159" s="33"/>
    </row>
    <row r="160" spans="1:1" s="34" customFormat="1" x14ac:dyDescent="0.3">
      <c r="A160" s="33"/>
    </row>
    <row r="161" spans="1:1" s="34" customFormat="1" x14ac:dyDescent="0.3">
      <c r="A161" s="33"/>
    </row>
    <row r="162" spans="1:1" s="34" customFormat="1" x14ac:dyDescent="0.3">
      <c r="A162" s="33"/>
    </row>
    <row r="163" spans="1:1" s="34" customFormat="1" x14ac:dyDescent="0.3">
      <c r="A163" s="33"/>
    </row>
    <row r="164" spans="1:1" s="34" customFormat="1" x14ac:dyDescent="0.3">
      <c r="A164" s="33"/>
    </row>
    <row r="165" spans="1:1" s="34" customFormat="1" x14ac:dyDescent="0.3">
      <c r="A165" s="33"/>
    </row>
    <row r="166" spans="1:1" s="34" customFormat="1" x14ac:dyDescent="0.3">
      <c r="A166" s="33"/>
    </row>
    <row r="167" spans="1:1" s="34" customFormat="1" x14ac:dyDescent="0.3">
      <c r="A167" s="33"/>
    </row>
    <row r="168" spans="1:1" s="34" customFormat="1" x14ac:dyDescent="0.3">
      <c r="A168" s="33"/>
    </row>
    <row r="169" spans="1:1" s="34" customFormat="1" x14ac:dyDescent="0.3">
      <c r="A169" s="33"/>
    </row>
    <row r="170" spans="1:1" s="34" customFormat="1" x14ac:dyDescent="0.3">
      <c r="A170" s="33"/>
    </row>
    <row r="171" spans="1:1" s="34" customFormat="1" x14ac:dyDescent="0.3">
      <c r="A171" s="33"/>
    </row>
    <row r="172" spans="1:1" s="34" customFormat="1" x14ac:dyDescent="0.3">
      <c r="A172" s="33"/>
    </row>
    <row r="173" spans="1:1" s="34" customFormat="1" x14ac:dyDescent="0.3">
      <c r="A173" s="33"/>
    </row>
    <row r="174" spans="1:1" s="34" customFormat="1" x14ac:dyDescent="0.3">
      <c r="A174" s="33"/>
    </row>
    <row r="175" spans="1:1" s="34" customFormat="1" x14ac:dyDescent="0.3">
      <c r="A175" s="33"/>
    </row>
    <row r="176" spans="1:1" s="34" customFormat="1" x14ac:dyDescent="0.3">
      <c r="A176" s="33"/>
    </row>
    <row r="177" spans="1:1" s="34" customFormat="1" x14ac:dyDescent="0.3">
      <c r="A177" s="33"/>
    </row>
    <row r="178" spans="1:1" s="34" customFormat="1" x14ac:dyDescent="0.3">
      <c r="A178" s="33"/>
    </row>
    <row r="179" spans="1:1" s="34" customFormat="1" x14ac:dyDescent="0.3">
      <c r="A179" s="33"/>
    </row>
    <row r="180" spans="1:1" s="34" customFormat="1" x14ac:dyDescent="0.3">
      <c r="A180" s="33"/>
    </row>
    <row r="181" spans="1:1" s="34" customFormat="1" x14ac:dyDescent="0.3">
      <c r="A181" s="33"/>
    </row>
    <row r="182" spans="1:1" s="34" customFormat="1" x14ac:dyDescent="0.3">
      <c r="A182" s="33"/>
    </row>
    <row r="183" spans="1:1" s="34" customFormat="1" x14ac:dyDescent="0.3">
      <c r="A183" s="33"/>
    </row>
    <row r="184" spans="1:1" s="34" customFormat="1" x14ac:dyDescent="0.3">
      <c r="A184" s="33"/>
    </row>
    <row r="185" spans="1:1" s="34" customFormat="1" x14ac:dyDescent="0.3">
      <c r="A185" s="33"/>
    </row>
    <row r="186" spans="1:1" s="34" customFormat="1" x14ac:dyDescent="0.3">
      <c r="A186" s="33"/>
    </row>
    <row r="187" spans="1:1" s="34" customFormat="1" x14ac:dyDescent="0.3">
      <c r="A187" s="33"/>
    </row>
    <row r="188" spans="1:1" s="34" customFormat="1" x14ac:dyDescent="0.3">
      <c r="A188" s="33"/>
    </row>
    <row r="189" spans="1:1" s="34" customFormat="1" x14ac:dyDescent="0.3">
      <c r="A189" s="33"/>
    </row>
    <row r="190" spans="1:1" s="34" customFormat="1" x14ac:dyDescent="0.3">
      <c r="A190" s="33"/>
    </row>
    <row r="191" spans="1:1" s="34" customFormat="1" x14ac:dyDescent="0.3">
      <c r="A191" s="33"/>
    </row>
    <row r="192" spans="1:1" s="34" customFormat="1" x14ac:dyDescent="0.3">
      <c r="A192" s="33"/>
    </row>
    <row r="193" spans="1:1" s="34" customFormat="1" x14ac:dyDescent="0.3">
      <c r="A193" s="33"/>
    </row>
    <row r="194" spans="1:1" s="34" customFormat="1" x14ac:dyDescent="0.3">
      <c r="A194" s="33"/>
    </row>
    <row r="195" spans="1:1" s="34" customFormat="1" x14ac:dyDescent="0.3">
      <c r="A195" s="33"/>
    </row>
    <row r="196" spans="1:1" s="34" customFormat="1" x14ac:dyDescent="0.3">
      <c r="A196" s="33"/>
    </row>
    <row r="197" spans="1:1" s="34" customFormat="1" x14ac:dyDescent="0.3">
      <c r="A197" s="33"/>
    </row>
    <row r="198" spans="1:1" s="34" customFormat="1" x14ac:dyDescent="0.3">
      <c r="A198" s="33"/>
    </row>
    <row r="199" spans="1:1" s="34" customFormat="1" x14ac:dyDescent="0.3">
      <c r="A199" s="33"/>
    </row>
    <row r="200" spans="1:1" s="34" customFormat="1" x14ac:dyDescent="0.3">
      <c r="A200" s="33"/>
    </row>
    <row r="201" spans="1:1" s="34" customFormat="1" x14ac:dyDescent="0.3">
      <c r="A201" s="33"/>
    </row>
    <row r="202" spans="1:1" s="34" customFormat="1" x14ac:dyDescent="0.3">
      <c r="A202" s="33"/>
    </row>
    <row r="203" spans="1:1" s="34" customFormat="1" x14ac:dyDescent="0.3">
      <c r="A203" s="33"/>
    </row>
    <row r="204" spans="1:1" s="34" customFormat="1" x14ac:dyDescent="0.3">
      <c r="A204" s="33"/>
    </row>
    <row r="205" spans="1:1" s="34" customFormat="1" x14ac:dyDescent="0.3">
      <c r="A205" s="33"/>
    </row>
    <row r="206" spans="1:1" s="34" customFormat="1" x14ac:dyDescent="0.3">
      <c r="A206" s="33"/>
    </row>
    <row r="207" spans="1:1" s="34" customFormat="1" x14ac:dyDescent="0.3">
      <c r="A207" s="33"/>
    </row>
    <row r="208" spans="1:1" s="34" customFormat="1" x14ac:dyDescent="0.3">
      <c r="A208" s="33"/>
    </row>
    <row r="209" spans="1:1" s="34" customFormat="1" x14ac:dyDescent="0.3">
      <c r="A209" s="33"/>
    </row>
    <row r="210" spans="1:1" s="34" customFormat="1" x14ac:dyDescent="0.3">
      <c r="A210" s="33"/>
    </row>
    <row r="211" spans="1:1" s="34" customFormat="1" x14ac:dyDescent="0.3">
      <c r="A211" s="33"/>
    </row>
    <row r="212" spans="1:1" s="34" customFormat="1" x14ac:dyDescent="0.3">
      <c r="A212" s="33"/>
    </row>
    <row r="213" spans="1:1" s="34" customFormat="1" x14ac:dyDescent="0.3">
      <c r="A213" s="33"/>
    </row>
    <row r="214" spans="1:1" s="34" customFormat="1" x14ac:dyDescent="0.3">
      <c r="A214" s="33"/>
    </row>
    <row r="215" spans="1:1" s="34" customFormat="1" x14ac:dyDescent="0.3">
      <c r="A215" s="33"/>
    </row>
    <row r="216" spans="1:1" s="34" customFormat="1" x14ac:dyDescent="0.3">
      <c r="A216" s="33"/>
    </row>
    <row r="217" spans="1:1" s="34" customFormat="1" x14ac:dyDescent="0.3">
      <c r="A217" s="33"/>
    </row>
    <row r="218" spans="1:1" s="34" customFormat="1" x14ac:dyDescent="0.3">
      <c r="A218" s="33"/>
    </row>
    <row r="219" spans="1:1" s="34" customFormat="1" x14ac:dyDescent="0.3">
      <c r="A219" s="33"/>
    </row>
    <row r="220" spans="1:1" s="34" customFormat="1" x14ac:dyDescent="0.3">
      <c r="A220" s="33"/>
    </row>
    <row r="221" spans="1:1" s="34" customFormat="1" x14ac:dyDescent="0.3">
      <c r="A221" s="33"/>
    </row>
    <row r="222" spans="1:1" s="34" customFormat="1" x14ac:dyDescent="0.3">
      <c r="A222" s="33"/>
    </row>
    <row r="223" spans="1:1" s="34" customFormat="1" x14ac:dyDescent="0.3">
      <c r="A223" s="33"/>
    </row>
    <row r="224" spans="1:1" s="34" customFormat="1" x14ac:dyDescent="0.3">
      <c r="A224" s="33"/>
    </row>
    <row r="225" spans="1:1" s="34" customFormat="1" x14ac:dyDescent="0.3">
      <c r="A225" s="33"/>
    </row>
    <row r="226" spans="1:1" s="34" customFormat="1" x14ac:dyDescent="0.3">
      <c r="A226" s="33"/>
    </row>
    <row r="227" spans="1:1" s="34" customFormat="1" x14ac:dyDescent="0.3">
      <c r="A227" s="33"/>
    </row>
    <row r="228" spans="1:1" s="34" customFormat="1" x14ac:dyDescent="0.3">
      <c r="A228" s="33"/>
    </row>
    <row r="229" spans="1:1" s="34" customFormat="1" x14ac:dyDescent="0.3">
      <c r="A229" s="33"/>
    </row>
    <row r="230" spans="1:1" s="34" customFormat="1" x14ac:dyDescent="0.3">
      <c r="A230" s="33"/>
    </row>
    <row r="231" spans="1:1" s="34" customFormat="1" x14ac:dyDescent="0.3">
      <c r="A231" s="33"/>
    </row>
    <row r="232" spans="1:1" s="34" customFormat="1" x14ac:dyDescent="0.3">
      <c r="A232" s="33"/>
    </row>
    <row r="233" spans="1:1" s="34" customFormat="1" x14ac:dyDescent="0.3">
      <c r="A233" s="33"/>
    </row>
    <row r="234" spans="1:1" s="34" customFormat="1" x14ac:dyDescent="0.3">
      <c r="A234" s="33"/>
    </row>
    <row r="235" spans="1:1" s="34" customFormat="1" x14ac:dyDescent="0.3">
      <c r="A235" s="33"/>
    </row>
    <row r="236" spans="1:1" s="34" customFormat="1" x14ac:dyDescent="0.3">
      <c r="A236" s="33"/>
    </row>
    <row r="237" spans="1:1" s="34" customFormat="1" x14ac:dyDescent="0.3">
      <c r="A237" s="33"/>
    </row>
    <row r="238" spans="1:1" s="34" customFormat="1" x14ac:dyDescent="0.3">
      <c r="A238" s="33"/>
    </row>
    <row r="239" spans="1:1" s="34" customFormat="1" x14ac:dyDescent="0.3">
      <c r="A239" s="33"/>
    </row>
    <row r="240" spans="1:1" s="34" customFormat="1" x14ac:dyDescent="0.3">
      <c r="A240" s="33"/>
    </row>
    <row r="241" spans="1:1" s="34" customFormat="1" x14ac:dyDescent="0.3">
      <c r="A241" s="33"/>
    </row>
    <row r="242" spans="1:1" s="34" customFormat="1" x14ac:dyDescent="0.3">
      <c r="A242" s="33"/>
    </row>
    <row r="243" spans="1:1" s="34" customFormat="1" x14ac:dyDescent="0.3">
      <c r="A243" s="33"/>
    </row>
    <row r="244" spans="1:1" s="34" customFormat="1" x14ac:dyDescent="0.3">
      <c r="A244" s="33"/>
    </row>
    <row r="245" spans="1:1" s="34" customFormat="1" x14ac:dyDescent="0.3">
      <c r="A245" s="33"/>
    </row>
    <row r="246" spans="1:1" s="34" customFormat="1" x14ac:dyDescent="0.3">
      <c r="A246" s="33"/>
    </row>
    <row r="247" spans="1:1" s="34" customFormat="1" x14ac:dyDescent="0.3">
      <c r="A247" s="33"/>
    </row>
    <row r="248" spans="1:1" s="34" customFormat="1" x14ac:dyDescent="0.3">
      <c r="A248" s="33"/>
    </row>
    <row r="249" spans="1:1" s="34" customFormat="1" x14ac:dyDescent="0.3">
      <c r="A249" s="33"/>
    </row>
    <row r="250" spans="1:1" s="34" customFormat="1" x14ac:dyDescent="0.3">
      <c r="A250" s="33"/>
    </row>
    <row r="251" spans="1:1" s="34" customFormat="1" x14ac:dyDescent="0.3">
      <c r="A251" s="33"/>
    </row>
    <row r="252" spans="1:1" s="34" customFormat="1" x14ac:dyDescent="0.3">
      <c r="A252" s="33"/>
    </row>
    <row r="253" spans="1:1" s="34" customFormat="1" x14ac:dyDescent="0.3">
      <c r="A253" s="33"/>
    </row>
    <row r="254" spans="1:1" s="34" customFormat="1" x14ac:dyDescent="0.3">
      <c r="A254" s="33"/>
    </row>
    <row r="255" spans="1:1" s="34" customFormat="1" x14ac:dyDescent="0.3">
      <c r="A255" s="33"/>
    </row>
    <row r="256" spans="1:1" s="34" customFormat="1" x14ac:dyDescent="0.3">
      <c r="A256" s="33"/>
    </row>
    <row r="257" spans="1:1" s="34" customFormat="1" x14ac:dyDescent="0.3">
      <c r="A257" s="33"/>
    </row>
    <row r="258" spans="1:1" s="34" customFormat="1" x14ac:dyDescent="0.3">
      <c r="A258" s="33"/>
    </row>
    <row r="259" spans="1:1" s="34" customFormat="1" x14ac:dyDescent="0.3">
      <c r="A259" s="33"/>
    </row>
    <row r="260" spans="1:1" s="34" customFormat="1" x14ac:dyDescent="0.3">
      <c r="A260" s="33"/>
    </row>
    <row r="261" spans="1:1" s="34" customFormat="1" x14ac:dyDescent="0.3">
      <c r="A261" s="33"/>
    </row>
    <row r="262" spans="1:1" s="34" customFormat="1" x14ac:dyDescent="0.3">
      <c r="A262" s="33"/>
    </row>
    <row r="263" spans="1:1" s="34" customFormat="1" x14ac:dyDescent="0.3">
      <c r="A263" s="33"/>
    </row>
    <row r="264" spans="1:1" s="34" customFormat="1" x14ac:dyDescent="0.3">
      <c r="A264" s="33"/>
    </row>
    <row r="265" spans="1:1" s="34" customFormat="1" x14ac:dyDescent="0.3">
      <c r="A265" s="33"/>
    </row>
    <row r="266" spans="1:1" s="34" customFormat="1" x14ac:dyDescent="0.3">
      <c r="A266" s="33"/>
    </row>
    <row r="267" spans="1:1" s="34" customFormat="1" x14ac:dyDescent="0.3">
      <c r="A267" s="33"/>
    </row>
    <row r="268" spans="1:1" s="34" customFormat="1" x14ac:dyDescent="0.3">
      <c r="A268" s="33"/>
    </row>
    <row r="269" spans="1:1" s="34" customFormat="1" x14ac:dyDescent="0.3">
      <c r="A269" s="33"/>
    </row>
    <row r="270" spans="1:1" s="34" customFormat="1" x14ac:dyDescent="0.3">
      <c r="A270" s="33"/>
    </row>
    <row r="271" spans="1:1" s="34" customFormat="1" x14ac:dyDescent="0.3">
      <c r="A271" s="33"/>
    </row>
    <row r="272" spans="1:1" s="34" customFormat="1" x14ac:dyDescent="0.3">
      <c r="A272" s="33"/>
    </row>
    <row r="273" spans="1:1" s="34" customFormat="1" x14ac:dyDescent="0.3">
      <c r="A273" s="33"/>
    </row>
    <row r="274" spans="1:1" s="34" customFormat="1" x14ac:dyDescent="0.3">
      <c r="A274" s="33"/>
    </row>
    <row r="275" spans="1:1" s="34" customFormat="1" x14ac:dyDescent="0.3">
      <c r="A275" s="33"/>
    </row>
    <row r="276" spans="1:1" s="34" customFormat="1" x14ac:dyDescent="0.3">
      <c r="A276" s="33"/>
    </row>
    <row r="277" spans="1:1" s="34" customFormat="1" x14ac:dyDescent="0.3">
      <c r="A277" s="33"/>
    </row>
    <row r="278" spans="1:1" s="34" customFormat="1" x14ac:dyDescent="0.3">
      <c r="A278" s="33"/>
    </row>
    <row r="279" spans="1:1" s="34" customFormat="1" x14ac:dyDescent="0.3">
      <c r="A279" s="33"/>
    </row>
    <row r="280" spans="1:1" s="34" customFormat="1" x14ac:dyDescent="0.3">
      <c r="A280" s="33"/>
    </row>
    <row r="281" spans="1:1" s="34" customFormat="1" x14ac:dyDescent="0.3">
      <c r="A281" s="33"/>
    </row>
    <row r="282" spans="1:1" s="34" customFormat="1" x14ac:dyDescent="0.3">
      <c r="A282" s="33"/>
    </row>
    <row r="283" spans="1:1" s="34" customFormat="1" x14ac:dyDescent="0.3">
      <c r="A283" s="33"/>
    </row>
    <row r="284" spans="1:1" s="34" customFormat="1" x14ac:dyDescent="0.3">
      <c r="A284" s="33"/>
    </row>
    <row r="285" spans="1:1" s="34" customFormat="1" x14ac:dyDescent="0.3">
      <c r="A285" s="33"/>
    </row>
    <row r="286" spans="1:1" s="34" customFormat="1" x14ac:dyDescent="0.3">
      <c r="A286" s="33"/>
    </row>
    <row r="287" spans="1:1" s="34" customFormat="1" x14ac:dyDescent="0.3">
      <c r="A287" s="33"/>
    </row>
    <row r="288" spans="1:1" s="34" customFormat="1" x14ac:dyDescent="0.3">
      <c r="A288" s="33"/>
    </row>
    <row r="289" spans="1:1" s="34" customFormat="1" x14ac:dyDescent="0.3">
      <c r="A289" s="33"/>
    </row>
    <row r="290" spans="1:1" s="34" customFormat="1" x14ac:dyDescent="0.3">
      <c r="A290" s="33"/>
    </row>
    <row r="291" spans="1:1" s="34" customFormat="1" x14ac:dyDescent="0.3">
      <c r="A291" s="33"/>
    </row>
    <row r="292" spans="1:1" s="34" customFormat="1" x14ac:dyDescent="0.3">
      <c r="A292" s="33"/>
    </row>
    <row r="293" spans="1:1" s="34" customFormat="1" x14ac:dyDescent="0.3">
      <c r="A293" s="33"/>
    </row>
    <row r="294" spans="1:1" s="34" customFormat="1" x14ac:dyDescent="0.3">
      <c r="A294" s="33"/>
    </row>
    <row r="295" spans="1:1" s="34" customFormat="1" x14ac:dyDescent="0.3">
      <c r="A295" s="33"/>
    </row>
    <row r="296" spans="1:1" s="34" customFormat="1" x14ac:dyDescent="0.3">
      <c r="A296" s="33"/>
    </row>
    <row r="297" spans="1:1" s="34" customFormat="1" x14ac:dyDescent="0.3">
      <c r="A297" s="33"/>
    </row>
    <row r="298" spans="1:1" s="34" customFormat="1" x14ac:dyDescent="0.3">
      <c r="A298" s="33"/>
    </row>
    <row r="299" spans="1:1" s="34" customFormat="1" x14ac:dyDescent="0.3">
      <c r="A299" s="33"/>
    </row>
    <row r="300" spans="1:1" s="34" customFormat="1" x14ac:dyDescent="0.3">
      <c r="A300" s="33"/>
    </row>
    <row r="301" spans="1:1" s="34" customFormat="1" x14ac:dyDescent="0.3">
      <c r="A301" s="33"/>
    </row>
    <row r="302" spans="1:1" s="34" customFormat="1" x14ac:dyDescent="0.3">
      <c r="A302" s="33"/>
    </row>
    <row r="303" spans="1:1" s="34" customFormat="1" x14ac:dyDescent="0.3">
      <c r="A303" s="33"/>
    </row>
    <row r="304" spans="1:1" s="34" customFormat="1" x14ac:dyDescent="0.3">
      <c r="A304" s="33"/>
    </row>
    <row r="305" spans="1:1" s="34" customFormat="1" x14ac:dyDescent="0.3">
      <c r="A305" s="33"/>
    </row>
    <row r="306" spans="1:1" s="34" customFormat="1" x14ac:dyDescent="0.3">
      <c r="A306" s="33"/>
    </row>
    <row r="307" spans="1:1" s="34" customFormat="1" x14ac:dyDescent="0.3">
      <c r="A307" s="33"/>
    </row>
    <row r="308" spans="1:1" s="34" customFormat="1" x14ac:dyDescent="0.3">
      <c r="A308" s="33"/>
    </row>
    <row r="309" spans="1:1" s="34" customFormat="1" x14ac:dyDescent="0.3">
      <c r="A309" s="33"/>
    </row>
    <row r="310" spans="1:1" s="34" customFormat="1" x14ac:dyDescent="0.3">
      <c r="A310" s="33"/>
    </row>
    <row r="311" spans="1:1" s="34" customFormat="1" x14ac:dyDescent="0.3">
      <c r="A311" s="33"/>
    </row>
    <row r="312" spans="1:1" s="34" customFormat="1" x14ac:dyDescent="0.3">
      <c r="A312" s="33"/>
    </row>
    <row r="313" spans="1:1" s="34" customFormat="1" x14ac:dyDescent="0.3">
      <c r="A313" s="33"/>
    </row>
    <row r="314" spans="1:1" s="34" customFormat="1" x14ac:dyDescent="0.3">
      <c r="A314" s="33"/>
    </row>
    <row r="315" spans="1:1" s="34" customFormat="1" x14ac:dyDescent="0.3">
      <c r="A315" s="33"/>
    </row>
    <row r="316" spans="1:1" s="34" customFormat="1" x14ac:dyDescent="0.3">
      <c r="A316" s="33"/>
    </row>
    <row r="317" spans="1:1" s="34" customFormat="1" x14ac:dyDescent="0.3">
      <c r="A317" s="33"/>
    </row>
    <row r="318" spans="1:1" s="34" customFormat="1" x14ac:dyDescent="0.3">
      <c r="A318" s="33"/>
    </row>
    <row r="319" spans="1:1" s="34" customFormat="1" x14ac:dyDescent="0.3">
      <c r="A319" s="33"/>
    </row>
    <row r="320" spans="1:1" s="34" customFormat="1" x14ac:dyDescent="0.3">
      <c r="A320" s="33"/>
    </row>
    <row r="321" spans="1:1" s="34" customFormat="1" x14ac:dyDescent="0.3">
      <c r="A321" s="33"/>
    </row>
    <row r="322" spans="1:1" s="34" customFormat="1" x14ac:dyDescent="0.3">
      <c r="A322" s="33"/>
    </row>
    <row r="323" spans="1:1" s="34" customFormat="1" x14ac:dyDescent="0.3">
      <c r="A323" s="33"/>
    </row>
    <row r="324" spans="1:1" s="34" customFormat="1" x14ac:dyDescent="0.3">
      <c r="A324" s="33"/>
    </row>
    <row r="325" spans="1:1" s="34" customFormat="1" x14ac:dyDescent="0.3">
      <c r="A325" s="33"/>
    </row>
    <row r="326" spans="1:1" s="34" customFormat="1" x14ac:dyDescent="0.3">
      <c r="A326" s="33"/>
    </row>
    <row r="327" spans="1:1" s="34" customFormat="1" x14ac:dyDescent="0.3">
      <c r="A327" s="33"/>
    </row>
    <row r="328" spans="1:1" s="34" customFormat="1" x14ac:dyDescent="0.3">
      <c r="A328" s="33"/>
    </row>
    <row r="329" spans="1:1" s="34" customFormat="1" x14ac:dyDescent="0.3">
      <c r="A329" s="33"/>
    </row>
    <row r="330" spans="1:1" s="34" customFormat="1" x14ac:dyDescent="0.3">
      <c r="A330" s="33"/>
    </row>
    <row r="331" spans="1:1" s="34" customFormat="1" x14ac:dyDescent="0.3">
      <c r="A331" s="33"/>
    </row>
    <row r="332" spans="1:1" s="34" customFormat="1" x14ac:dyDescent="0.3">
      <c r="A332" s="33"/>
    </row>
    <row r="333" spans="1:1" s="34" customFormat="1" x14ac:dyDescent="0.3">
      <c r="A333" s="33"/>
    </row>
    <row r="334" spans="1:1" s="34" customFormat="1" x14ac:dyDescent="0.3">
      <c r="A334" s="33"/>
    </row>
    <row r="335" spans="1:1" s="34" customFormat="1" x14ac:dyDescent="0.3">
      <c r="A335" s="33"/>
    </row>
    <row r="336" spans="1:1" s="34" customFormat="1" x14ac:dyDescent="0.3">
      <c r="A336" s="33"/>
    </row>
    <row r="337" spans="1:1" s="34" customFormat="1" x14ac:dyDescent="0.3">
      <c r="A337" s="33"/>
    </row>
    <row r="338" spans="1:1" s="34" customFormat="1" x14ac:dyDescent="0.3">
      <c r="A338" s="33"/>
    </row>
    <row r="339" spans="1:1" s="34" customFormat="1" x14ac:dyDescent="0.3">
      <c r="A339" s="33"/>
    </row>
    <row r="340" spans="1:1" s="34" customFormat="1" x14ac:dyDescent="0.3">
      <c r="A340" s="33"/>
    </row>
    <row r="341" spans="1:1" s="34" customFormat="1" x14ac:dyDescent="0.3">
      <c r="A341" s="33"/>
    </row>
    <row r="342" spans="1:1" s="34" customFormat="1" x14ac:dyDescent="0.3">
      <c r="A342" s="33"/>
    </row>
    <row r="343" spans="1:1" s="34" customFormat="1" x14ac:dyDescent="0.3">
      <c r="A343" s="33"/>
    </row>
    <row r="344" spans="1:1" s="34" customFormat="1" x14ac:dyDescent="0.3">
      <c r="A344" s="33"/>
    </row>
    <row r="345" spans="1:1" s="34" customFormat="1" x14ac:dyDescent="0.3">
      <c r="A345" s="33"/>
    </row>
    <row r="346" spans="1:1" s="34" customFormat="1" x14ac:dyDescent="0.3">
      <c r="A346" s="33"/>
    </row>
    <row r="347" spans="1:1" s="34" customFormat="1" x14ac:dyDescent="0.3">
      <c r="A347" s="33"/>
    </row>
    <row r="348" spans="1:1" s="34" customFormat="1" x14ac:dyDescent="0.3">
      <c r="A348" s="33"/>
    </row>
    <row r="349" spans="1:1" s="34" customFormat="1" x14ac:dyDescent="0.3">
      <c r="A349" s="33"/>
    </row>
    <row r="350" spans="1:1" s="34" customFormat="1" x14ac:dyDescent="0.3">
      <c r="A350" s="33"/>
    </row>
    <row r="351" spans="1:1" s="34" customFormat="1" x14ac:dyDescent="0.3">
      <c r="A351" s="33"/>
    </row>
    <row r="352" spans="1:1" s="34" customFormat="1" x14ac:dyDescent="0.3">
      <c r="A352" s="33"/>
    </row>
    <row r="353" spans="1:1" s="34" customFormat="1" x14ac:dyDescent="0.3">
      <c r="A353" s="33"/>
    </row>
    <row r="354" spans="1:1" s="34" customFormat="1" x14ac:dyDescent="0.3">
      <c r="A354" s="33"/>
    </row>
    <row r="355" spans="1:1" s="34" customFormat="1" x14ac:dyDescent="0.3">
      <c r="A355" s="33"/>
    </row>
    <row r="356" spans="1:1" s="34" customFormat="1" x14ac:dyDescent="0.3">
      <c r="A356" s="33"/>
    </row>
    <row r="357" spans="1:1" s="34" customFormat="1" x14ac:dyDescent="0.3">
      <c r="A357" s="33"/>
    </row>
    <row r="358" spans="1:1" s="34" customFormat="1" x14ac:dyDescent="0.3">
      <c r="A358" s="33"/>
    </row>
    <row r="359" spans="1:1" s="34" customFormat="1" x14ac:dyDescent="0.3">
      <c r="A359" s="33"/>
    </row>
    <row r="360" spans="1:1" s="34" customFormat="1" x14ac:dyDescent="0.3">
      <c r="A360" s="33"/>
    </row>
    <row r="361" spans="1:1" s="34" customFormat="1" x14ac:dyDescent="0.3">
      <c r="A361" s="33"/>
    </row>
    <row r="362" spans="1:1" s="34" customFormat="1" x14ac:dyDescent="0.3">
      <c r="A362" s="33"/>
    </row>
    <row r="363" spans="1:1" s="34" customFormat="1" x14ac:dyDescent="0.3">
      <c r="A363" s="33"/>
    </row>
    <row r="364" spans="1:1" s="34" customFormat="1" x14ac:dyDescent="0.3">
      <c r="A364" s="33"/>
    </row>
    <row r="365" spans="1:1" s="34" customFormat="1" x14ac:dyDescent="0.3">
      <c r="A365" s="33"/>
    </row>
    <row r="366" spans="1:1" s="34" customFormat="1" x14ac:dyDescent="0.3">
      <c r="A366" s="33"/>
    </row>
    <row r="367" spans="1:1" s="34" customFormat="1" x14ac:dyDescent="0.3">
      <c r="A367" s="33"/>
    </row>
    <row r="368" spans="1:1" s="34" customFormat="1" x14ac:dyDescent="0.3">
      <c r="A368" s="33"/>
    </row>
    <row r="369" spans="1:1" s="34" customFormat="1" x14ac:dyDescent="0.3">
      <c r="A369" s="33"/>
    </row>
    <row r="370" spans="1:1" s="34" customFormat="1" x14ac:dyDescent="0.3">
      <c r="A370" s="33"/>
    </row>
    <row r="371" spans="1:1" s="34" customFormat="1" x14ac:dyDescent="0.3">
      <c r="A371" s="33"/>
    </row>
    <row r="372" spans="1:1" s="34" customFormat="1" x14ac:dyDescent="0.3">
      <c r="A372" s="33"/>
    </row>
    <row r="373" spans="1:1" s="34" customFormat="1" x14ac:dyDescent="0.3">
      <c r="A373" s="33"/>
    </row>
    <row r="374" spans="1:1" s="34" customFormat="1" x14ac:dyDescent="0.3">
      <c r="A374" s="33"/>
    </row>
    <row r="375" spans="1:1" s="34" customFormat="1" x14ac:dyDescent="0.3">
      <c r="A375" s="33"/>
    </row>
    <row r="376" spans="1:1" s="34" customFormat="1" x14ac:dyDescent="0.3">
      <c r="A376" s="33"/>
    </row>
    <row r="377" spans="1:1" s="34" customFormat="1" x14ac:dyDescent="0.3">
      <c r="A377" s="33"/>
    </row>
    <row r="378" spans="1:1" s="34" customFormat="1" x14ac:dyDescent="0.3">
      <c r="A378" s="33"/>
    </row>
    <row r="379" spans="1:1" s="34" customFormat="1" x14ac:dyDescent="0.3">
      <c r="A379" s="33"/>
    </row>
    <row r="380" spans="1:1" s="34" customFormat="1" x14ac:dyDescent="0.3">
      <c r="A380" s="33"/>
    </row>
    <row r="381" spans="1:1" s="34" customFormat="1" x14ac:dyDescent="0.3">
      <c r="A381" s="33"/>
    </row>
    <row r="382" spans="1:1" s="34" customFormat="1" x14ac:dyDescent="0.3">
      <c r="A382" s="33"/>
    </row>
    <row r="383" spans="1:1" s="34" customFormat="1" x14ac:dyDescent="0.3">
      <c r="A383" s="33"/>
    </row>
    <row r="384" spans="1:1" s="34" customFormat="1" x14ac:dyDescent="0.3">
      <c r="A384" s="33"/>
    </row>
    <row r="385" spans="1:1" s="34" customFormat="1" x14ac:dyDescent="0.3">
      <c r="A385" s="33"/>
    </row>
    <row r="386" spans="1:1" s="34" customFormat="1" x14ac:dyDescent="0.3">
      <c r="A386" s="33"/>
    </row>
    <row r="387" spans="1:1" s="34" customFormat="1" x14ac:dyDescent="0.3">
      <c r="A387" s="33"/>
    </row>
    <row r="388" spans="1:1" s="34" customFormat="1" x14ac:dyDescent="0.3">
      <c r="A388" s="33"/>
    </row>
    <row r="389" spans="1:1" s="34" customFormat="1" x14ac:dyDescent="0.3">
      <c r="A389" s="33"/>
    </row>
    <row r="390" spans="1:1" s="34" customFormat="1" x14ac:dyDescent="0.3">
      <c r="A390" s="33"/>
    </row>
    <row r="391" spans="1:1" s="34" customFormat="1" x14ac:dyDescent="0.3">
      <c r="A391" s="33"/>
    </row>
    <row r="392" spans="1:1" s="34" customFormat="1" x14ac:dyDescent="0.3">
      <c r="A392" s="33"/>
    </row>
    <row r="393" spans="1:1" s="34" customFormat="1" x14ac:dyDescent="0.3">
      <c r="A393" s="33"/>
    </row>
    <row r="394" spans="1:1" s="34" customFormat="1" x14ac:dyDescent="0.3">
      <c r="A394" s="33"/>
    </row>
    <row r="395" spans="1:1" s="34" customFormat="1" x14ac:dyDescent="0.3">
      <c r="A395" s="33"/>
    </row>
    <row r="396" spans="1:1" s="34" customFormat="1" x14ac:dyDescent="0.3">
      <c r="A396" s="33"/>
    </row>
    <row r="397" spans="1:1" s="34" customFormat="1" x14ac:dyDescent="0.3">
      <c r="A397" s="33"/>
    </row>
    <row r="398" spans="1:1" s="34" customFormat="1" x14ac:dyDescent="0.3">
      <c r="A398" s="33"/>
    </row>
    <row r="399" spans="1:1" s="34" customFormat="1" x14ac:dyDescent="0.3">
      <c r="A399" s="33"/>
    </row>
    <row r="400" spans="1:1" s="34" customFormat="1" x14ac:dyDescent="0.3">
      <c r="A400" s="33"/>
    </row>
    <row r="401" spans="1:1" s="34" customFormat="1" x14ac:dyDescent="0.3">
      <c r="A401" s="33"/>
    </row>
    <row r="402" spans="1:1" s="34" customFormat="1" x14ac:dyDescent="0.3">
      <c r="A402" s="33"/>
    </row>
    <row r="403" spans="1:1" s="34" customFormat="1" x14ac:dyDescent="0.3">
      <c r="A403" s="33"/>
    </row>
    <row r="404" spans="1:1" s="34" customFormat="1" x14ac:dyDescent="0.3">
      <c r="A404" s="33"/>
    </row>
    <row r="405" spans="1:1" s="34" customFormat="1" x14ac:dyDescent="0.3">
      <c r="A405" s="33"/>
    </row>
    <row r="406" spans="1:1" s="34" customFormat="1" x14ac:dyDescent="0.3">
      <c r="A406" s="33"/>
    </row>
    <row r="407" spans="1:1" s="34" customFormat="1" x14ac:dyDescent="0.3">
      <c r="A407" s="33"/>
    </row>
    <row r="408" spans="1:1" s="34" customFormat="1" x14ac:dyDescent="0.3">
      <c r="A408" s="33"/>
    </row>
    <row r="409" spans="1:1" s="34" customFormat="1" x14ac:dyDescent="0.3">
      <c r="A409" s="33"/>
    </row>
    <row r="410" spans="1:1" s="34" customFormat="1" x14ac:dyDescent="0.3">
      <c r="A410" s="33"/>
    </row>
    <row r="411" spans="1:1" s="34" customFormat="1" x14ac:dyDescent="0.3">
      <c r="A411" s="33"/>
    </row>
    <row r="412" spans="1:1" s="34" customFormat="1" x14ac:dyDescent="0.3">
      <c r="A412" s="33"/>
    </row>
    <row r="413" spans="1:1" s="34" customFormat="1" x14ac:dyDescent="0.3">
      <c r="A413" s="33"/>
    </row>
    <row r="414" spans="1:1" s="34" customFormat="1" x14ac:dyDescent="0.3">
      <c r="A414" s="33"/>
    </row>
    <row r="415" spans="1:1" s="34" customFormat="1" x14ac:dyDescent="0.3">
      <c r="A415" s="33"/>
    </row>
    <row r="416" spans="1:1" s="34" customFormat="1" x14ac:dyDescent="0.3">
      <c r="A416" s="33"/>
    </row>
    <row r="417" spans="1:1" s="34" customFormat="1" x14ac:dyDescent="0.3">
      <c r="A417" s="33"/>
    </row>
    <row r="418" spans="1:1" s="34" customFormat="1" x14ac:dyDescent="0.3">
      <c r="A418" s="33"/>
    </row>
    <row r="419" spans="1:1" s="34" customFormat="1" x14ac:dyDescent="0.3">
      <c r="A419" s="33"/>
    </row>
    <row r="420" spans="1:1" s="34" customFormat="1" x14ac:dyDescent="0.3">
      <c r="A420" s="33"/>
    </row>
    <row r="421" spans="1:1" s="34" customFormat="1" x14ac:dyDescent="0.3">
      <c r="A421" s="33"/>
    </row>
    <row r="422" spans="1:1" s="34" customFormat="1" x14ac:dyDescent="0.3">
      <c r="A422" s="33"/>
    </row>
    <row r="423" spans="1:1" s="34" customFormat="1" x14ac:dyDescent="0.3">
      <c r="A423" s="33"/>
    </row>
    <row r="424" spans="1:1" s="34" customFormat="1" x14ac:dyDescent="0.3">
      <c r="A424" s="33"/>
    </row>
    <row r="425" spans="1:1" s="34" customFormat="1" x14ac:dyDescent="0.3">
      <c r="A425" s="33"/>
    </row>
    <row r="426" spans="1:1" s="34" customFormat="1" x14ac:dyDescent="0.3">
      <c r="A426" s="33"/>
    </row>
    <row r="427" spans="1:1" s="34" customFormat="1" x14ac:dyDescent="0.3">
      <c r="A427" s="33"/>
    </row>
    <row r="428" spans="1:1" s="34" customFormat="1" x14ac:dyDescent="0.3">
      <c r="A428" s="33"/>
    </row>
    <row r="429" spans="1:1" s="34" customFormat="1" x14ac:dyDescent="0.3">
      <c r="A429" s="33"/>
    </row>
    <row r="430" spans="1:1" s="34" customFormat="1" x14ac:dyDescent="0.3">
      <c r="A430" s="33"/>
    </row>
    <row r="431" spans="1:1" s="34" customFormat="1" x14ac:dyDescent="0.3">
      <c r="A431" s="33"/>
    </row>
    <row r="432" spans="1:1" s="34" customFormat="1" x14ac:dyDescent="0.3">
      <c r="A432" s="33"/>
    </row>
    <row r="433" spans="1:1" s="34" customFormat="1" x14ac:dyDescent="0.3">
      <c r="A433" s="33"/>
    </row>
    <row r="434" spans="1:1" s="34" customFormat="1" x14ac:dyDescent="0.3">
      <c r="A434" s="33"/>
    </row>
    <row r="435" spans="1:1" s="34" customFormat="1" x14ac:dyDescent="0.3">
      <c r="A435" s="33"/>
    </row>
    <row r="436" spans="1:1" s="34" customFormat="1" x14ac:dyDescent="0.3">
      <c r="A436" s="33"/>
    </row>
    <row r="437" spans="1:1" s="34" customFormat="1" x14ac:dyDescent="0.3">
      <c r="A437" s="33"/>
    </row>
    <row r="438" spans="1:1" s="34" customFormat="1" x14ac:dyDescent="0.3">
      <c r="A438" s="33"/>
    </row>
    <row r="439" spans="1:1" s="34" customFormat="1" x14ac:dyDescent="0.3">
      <c r="A439" s="33"/>
    </row>
    <row r="440" spans="1:1" s="34" customFormat="1" x14ac:dyDescent="0.3">
      <c r="A440" s="33"/>
    </row>
    <row r="441" spans="1:1" s="34" customFormat="1" x14ac:dyDescent="0.3">
      <c r="A441" s="33"/>
    </row>
    <row r="442" spans="1:1" s="34" customFormat="1" x14ac:dyDescent="0.3">
      <c r="A442" s="33"/>
    </row>
    <row r="443" spans="1:1" s="34" customFormat="1" x14ac:dyDescent="0.3">
      <c r="A443" s="33"/>
    </row>
    <row r="444" spans="1:1" s="34" customFormat="1" x14ac:dyDescent="0.3">
      <c r="A444" s="33"/>
    </row>
    <row r="445" spans="1:1" s="34" customFormat="1" x14ac:dyDescent="0.3">
      <c r="A445" s="33"/>
    </row>
    <row r="446" spans="1:1" s="34" customFormat="1" x14ac:dyDescent="0.3">
      <c r="A446" s="33"/>
    </row>
    <row r="447" spans="1:1" s="34" customFormat="1" x14ac:dyDescent="0.3">
      <c r="A447" s="33"/>
    </row>
    <row r="448" spans="1:1" s="34" customFormat="1" x14ac:dyDescent="0.3">
      <c r="A448" s="33"/>
    </row>
    <row r="449" spans="1:1" s="34" customFormat="1" x14ac:dyDescent="0.3">
      <c r="A449" s="33"/>
    </row>
    <row r="450" spans="1:1" s="34" customFormat="1" x14ac:dyDescent="0.3">
      <c r="A450" s="33"/>
    </row>
    <row r="451" spans="1:1" s="34" customFormat="1" x14ac:dyDescent="0.3">
      <c r="A451" s="33"/>
    </row>
    <row r="452" spans="1:1" s="34" customFormat="1" x14ac:dyDescent="0.3">
      <c r="A452" s="33"/>
    </row>
    <row r="453" spans="1:1" s="34" customFormat="1" x14ac:dyDescent="0.3">
      <c r="A453" s="33"/>
    </row>
    <row r="454" spans="1:1" s="34" customFormat="1" x14ac:dyDescent="0.3">
      <c r="A454" s="33"/>
    </row>
    <row r="455" spans="1:1" s="34" customFormat="1" x14ac:dyDescent="0.3">
      <c r="A455" s="33"/>
    </row>
    <row r="456" spans="1:1" s="34" customFormat="1" x14ac:dyDescent="0.3">
      <c r="A456" s="33"/>
    </row>
    <row r="457" spans="1:1" s="34" customFormat="1" x14ac:dyDescent="0.3">
      <c r="A457" s="33"/>
    </row>
    <row r="458" spans="1:1" s="34" customFormat="1" x14ac:dyDescent="0.3">
      <c r="A458" s="33"/>
    </row>
    <row r="459" spans="1:1" s="34" customFormat="1" x14ac:dyDescent="0.3">
      <c r="A459" s="33"/>
    </row>
    <row r="460" spans="1:1" s="34" customFormat="1" x14ac:dyDescent="0.3">
      <c r="A460" s="33"/>
    </row>
    <row r="461" spans="1:1" s="34" customFormat="1" x14ac:dyDescent="0.3">
      <c r="A461" s="33"/>
    </row>
    <row r="462" spans="1:1" s="34" customFormat="1" x14ac:dyDescent="0.3">
      <c r="A462" s="33"/>
    </row>
    <row r="463" spans="1:1" s="34" customFormat="1" x14ac:dyDescent="0.3">
      <c r="A463" s="33"/>
    </row>
    <row r="464" spans="1:1" s="34" customFormat="1" x14ac:dyDescent="0.3">
      <c r="A464" s="33"/>
    </row>
    <row r="465" spans="1:1" s="34" customFormat="1" x14ac:dyDescent="0.3">
      <c r="A465" s="33"/>
    </row>
    <row r="466" spans="1:1" s="34" customFormat="1" x14ac:dyDescent="0.3">
      <c r="A466" s="33"/>
    </row>
    <row r="467" spans="1:1" s="34" customFormat="1" x14ac:dyDescent="0.3">
      <c r="A467" s="33"/>
    </row>
    <row r="468" spans="1:1" s="34" customFormat="1" x14ac:dyDescent="0.3">
      <c r="A468" s="33"/>
    </row>
    <row r="469" spans="1:1" s="34" customFormat="1" x14ac:dyDescent="0.3">
      <c r="A469" s="33"/>
    </row>
    <row r="470" spans="1:1" s="34" customFormat="1" x14ac:dyDescent="0.3">
      <c r="A470" s="33"/>
    </row>
    <row r="471" spans="1:1" s="34" customFormat="1" x14ac:dyDescent="0.3">
      <c r="A471" s="33"/>
    </row>
    <row r="472" spans="1:1" s="34" customFormat="1" x14ac:dyDescent="0.3">
      <c r="A472" s="33"/>
    </row>
    <row r="473" spans="1:1" s="34" customFormat="1" x14ac:dyDescent="0.3">
      <c r="A473" s="33"/>
    </row>
    <row r="474" spans="1:1" s="34" customFormat="1" x14ac:dyDescent="0.3">
      <c r="A474" s="33"/>
    </row>
    <row r="475" spans="1:1" s="34" customFormat="1" x14ac:dyDescent="0.3">
      <c r="A475" s="33"/>
    </row>
    <row r="476" spans="1:1" s="34" customFormat="1" x14ac:dyDescent="0.3">
      <c r="A476" s="33"/>
    </row>
    <row r="477" spans="1:1" s="34" customFormat="1" x14ac:dyDescent="0.3">
      <c r="A477" s="33"/>
    </row>
    <row r="478" spans="1:1" s="34" customFormat="1" x14ac:dyDescent="0.3">
      <c r="A478" s="33"/>
    </row>
    <row r="479" spans="1:1" s="34" customFormat="1" x14ac:dyDescent="0.3">
      <c r="A479" s="33"/>
    </row>
    <row r="480" spans="1:1" s="34" customFormat="1" x14ac:dyDescent="0.3">
      <c r="A480" s="33"/>
    </row>
    <row r="481" spans="1:1" s="34" customFormat="1" x14ac:dyDescent="0.3">
      <c r="A481" s="33"/>
    </row>
    <row r="482" spans="1:1" s="34" customFormat="1" x14ac:dyDescent="0.3">
      <c r="A482" s="33"/>
    </row>
    <row r="483" spans="1:1" s="34" customFormat="1" x14ac:dyDescent="0.3">
      <c r="A483" s="33"/>
    </row>
    <row r="484" spans="1:1" s="34" customFormat="1" x14ac:dyDescent="0.3">
      <c r="A484" s="33"/>
    </row>
    <row r="485" spans="1:1" s="34" customFormat="1" x14ac:dyDescent="0.3">
      <c r="A485" s="33"/>
    </row>
    <row r="486" spans="1:1" s="34" customFormat="1" x14ac:dyDescent="0.3">
      <c r="A486" s="33"/>
    </row>
    <row r="487" spans="1:1" s="34" customFormat="1" x14ac:dyDescent="0.3">
      <c r="A487" s="33"/>
    </row>
    <row r="488" spans="1:1" s="34" customFormat="1" x14ac:dyDescent="0.3">
      <c r="A488" s="33"/>
    </row>
    <row r="489" spans="1:1" s="34" customFormat="1" x14ac:dyDescent="0.3">
      <c r="A489" s="33"/>
    </row>
    <row r="490" spans="1:1" s="34" customFormat="1" x14ac:dyDescent="0.3">
      <c r="A490" s="33"/>
    </row>
    <row r="491" spans="1:1" s="34" customFormat="1" x14ac:dyDescent="0.3">
      <c r="A491" s="33"/>
    </row>
    <row r="492" spans="1:1" s="34" customFormat="1" x14ac:dyDescent="0.3">
      <c r="A492" s="33"/>
    </row>
    <row r="493" spans="1:1" s="34" customFormat="1" x14ac:dyDescent="0.3">
      <c r="A493" s="33"/>
    </row>
    <row r="494" spans="1:1" s="34" customFormat="1" x14ac:dyDescent="0.3">
      <c r="A494" s="33"/>
    </row>
    <row r="495" spans="1:1" s="34" customFormat="1" x14ac:dyDescent="0.3">
      <c r="A495" s="33"/>
    </row>
    <row r="496" spans="1:1" s="34" customFormat="1" x14ac:dyDescent="0.3">
      <c r="A496" s="33"/>
    </row>
    <row r="497" spans="1:1" s="34" customFormat="1" x14ac:dyDescent="0.3">
      <c r="A497" s="33"/>
    </row>
    <row r="498" spans="1:1" s="34" customFormat="1" x14ac:dyDescent="0.3">
      <c r="A498" s="33"/>
    </row>
    <row r="499" spans="1:1" s="34" customFormat="1" x14ac:dyDescent="0.3">
      <c r="A499" s="33"/>
    </row>
    <row r="500" spans="1:1" s="34" customFormat="1" x14ac:dyDescent="0.3">
      <c r="A500" s="33"/>
    </row>
    <row r="501" spans="1:1" s="34" customFormat="1" x14ac:dyDescent="0.3">
      <c r="A501" s="33"/>
    </row>
    <row r="502" spans="1:1" s="34" customFormat="1" x14ac:dyDescent="0.3">
      <c r="A502" s="33"/>
    </row>
    <row r="503" spans="1:1" s="34" customFormat="1" x14ac:dyDescent="0.3">
      <c r="A503" s="33"/>
    </row>
    <row r="504" spans="1:1" s="34" customFormat="1" x14ac:dyDescent="0.3">
      <c r="A504" s="33"/>
    </row>
    <row r="505" spans="1:1" s="34" customFormat="1" x14ac:dyDescent="0.3">
      <c r="A505" s="33"/>
    </row>
    <row r="506" spans="1:1" s="34" customFormat="1" x14ac:dyDescent="0.3">
      <c r="A506" s="33"/>
    </row>
    <row r="507" spans="1:1" s="34" customFormat="1" x14ac:dyDescent="0.3">
      <c r="A507" s="33"/>
    </row>
    <row r="508" spans="1:1" s="34" customFormat="1" x14ac:dyDescent="0.3">
      <c r="A508" s="33"/>
    </row>
    <row r="509" spans="1:1" s="34" customFormat="1" x14ac:dyDescent="0.3">
      <c r="A509" s="33"/>
    </row>
    <row r="510" spans="1:1" s="34" customFormat="1" x14ac:dyDescent="0.3">
      <c r="A510" s="33"/>
    </row>
    <row r="511" spans="1:1" s="34" customFormat="1" x14ac:dyDescent="0.3">
      <c r="A511" s="33"/>
    </row>
    <row r="512" spans="1:1" s="34" customFormat="1" x14ac:dyDescent="0.3">
      <c r="A512" s="33"/>
    </row>
    <row r="513" spans="1:1" s="34" customFormat="1" x14ac:dyDescent="0.3">
      <c r="A513" s="33"/>
    </row>
    <row r="514" spans="1:1" s="34" customFormat="1" x14ac:dyDescent="0.3">
      <c r="A514" s="33"/>
    </row>
    <row r="515" spans="1:1" s="34" customFormat="1" x14ac:dyDescent="0.3">
      <c r="A515" s="33"/>
    </row>
    <row r="516" spans="1:1" s="34" customFormat="1" x14ac:dyDescent="0.3">
      <c r="A516" s="33"/>
    </row>
    <row r="517" spans="1:1" s="34" customFormat="1" x14ac:dyDescent="0.3">
      <c r="A517" s="33"/>
    </row>
    <row r="518" spans="1:1" s="34" customFormat="1" x14ac:dyDescent="0.3">
      <c r="A518" s="33"/>
    </row>
    <row r="519" spans="1:1" s="34" customFormat="1" x14ac:dyDescent="0.3">
      <c r="A519" s="33"/>
    </row>
  </sheetData>
  <sheetProtection algorithmName="SHA-512" hashValue="j4mQlqVJGvUrfzPxBog/zXIwcxODWd7497fwnfgJ/bUZeaUW/NaQUNKKqxNWqCPBDP9K4b8wVAJ8L36RE2LUeQ==" saltValue="clNgl8C6ucKW0DRVoCMCMw==" spinCount="100000" sheet="1" objects="1" scenarios="1"/>
  <mergeCells count="9">
    <mergeCell ref="C31:G31"/>
    <mergeCell ref="C40:G42"/>
    <mergeCell ref="C3:G3"/>
    <mergeCell ref="C4:G4"/>
    <mergeCell ref="C12:G14"/>
    <mergeCell ref="C16:G16"/>
    <mergeCell ref="C17:G17"/>
    <mergeCell ref="C26:G28"/>
    <mergeCell ref="C30:G30"/>
  </mergeCell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6C21045FB02E404E8B13BC211076C075" ma:contentTypeVersion="13" ma:contentTypeDescription="Opprett et nytt dokument." ma:contentTypeScope="" ma:versionID="6556d3a080943dffa8debbd19ea100f2">
  <xsd:schema xmlns:xsd="http://www.w3.org/2001/XMLSchema" xmlns:xs="http://www.w3.org/2001/XMLSchema" xmlns:p="http://schemas.microsoft.com/office/2006/metadata/properties" xmlns:ns2="446b8ed4-f6ce-4745-8e58-083d1ac2d12d" xmlns:ns3="d8e9ddd8-4c04-4685-8418-33c8ee90fed0" targetNamespace="http://schemas.microsoft.com/office/2006/metadata/properties" ma:root="true" ma:fieldsID="079bb646d0db7352a97cd3430824dac2" ns2:_="" ns3:_="">
    <xsd:import namespace="446b8ed4-f6ce-4745-8e58-083d1ac2d12d"/>
    <xsd:import namespace="d8e9ddd8-4c04-4685-8418-33c8ee90fed0"/>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SearchProperties" minOccurs="0"/>
                <xsd:element ref="ns2:lcf76f155ced4ddcb4097134ff3c332f" minOccurs="0"/>
                <xsd:element ref="ns3:TaxCatchAll" minOccurs="0"/>
                <xsd:element ref="ns2:MediaServiceDateTaken" minOccurs="0"/>
                <xsd:element ref="ns2:MediaServiceLocation"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46b8ed4-f6ce-4745-8e58-083d1ac2d12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1" nillable="true" ma:displayName="MediaServiceSearchProperties" ma:hidden="true" ma:internalName="MediaServiceSearchProperties" ma:readOnly="true">
      <xsd:simpleType>
        <xsd:restriction base="dms:Note"/>
      </xsd:simpleType>
    </xsd:element>
    <xsd:element name="lcf76f155ced4ddcb4097134ff3c332f" ma:index="13" nillable="true" ma:taxonomy="true" ma:internalName="lcf76f155ced4ddcb4097134ff3c332f" ma:taxonomyFieldName="MediaServiceImageTags" ma:displayName="Bildemerkelapper" ma:readOnly="false" ma:fieldId="{5cf76f15-5ced-4ddc-b409-7134ff3c332f}" ma:taxonomyMulti="true" ma:sspId="08572c6a-7904-40fe-b630-5ec97321ee0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Location" ma:index="16" nillable="true" ma:displayName="Location" ma:indexed="true" ma:internalName="MediaServiceLocatio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8e9ddd8-4c04-4685-8418-33c8ee90fed0"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f9985963-ba2a-497e-b07e-066cba201191}" ma:internalName="TaxCatchAll" ma:showField="CatchAllData" ma:web="d8e9ddd8-4c04-4685-8418-33c8ee90fe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46b8ed4-f6ce-4745-8e58-083d1ac2d12d">
      <Terms xmlns="http://schemas.microsoft.com/office/infopath/2007/PartnerControls"/>
    </lcf76f155ced4ddcb4097134ff3c332f>
    <TaxCatchAll xmlns="d8e9ddd8-4c04-4685-8418-33c8ee90fed0" xsi:nil="true"/>
  </documentManagement>
</p:properties>
</file>

<file path=customXml/item4.xml><?xml version="1.0" encoding="utf-8"?>
<TemplafyTemplateConfiguration><![CDATA[{"transformationConfigurations":[],"templateName":"Book1","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E8B5B734-469A-43AB-A758-3CCBE82E253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46b8ed4-f6ce-4745-8e58-083d1ac2d12d"/>
    <ds:schemaRef ds:uri="d8e9ddd8-4c04-4685-8418-33c8ee90fe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8BA7D36B-ABD4-4D39-891F-8A6F98562CB1}">
  <ds:schemaRefs>
    <ds:schemaRef ds:uri="http://schemas.microsoft.com/sharepoint/v3/contenttype/forms"/>
  </ds:schemaRefs>
</ds:datastoreItem>
</file>

<file path=customXml/itemProps3.xml><?xml version="1.0" encoding="utf-8"?>
<ds:datastoreItem xmlns:ds="http://schemas.openxmlformats.org/officeDocument/2006/customXml" ds:itemID="{3CBDFC93-CD0A-4F7D-98F6-D2C52422D20B}">
  <ds:schemaRefs>
    <ds:schemaRef ds:uri="http://purl.org/dc/elements/1.1/"/>
    <ds:schemaRef ds:uri="http://purl.org/dc/terms/"/>
    <ds:schemaRef ds:uri="d8e9ddd8-4c04-4685-8418-33c8ee90fed0"/>
    <ds:schemaRef ds:uri="http://www.w3.org/XML/1998/namespace"/>
    <ds:schemaRef ds:uri="http://schemas.microsoft.com/office/2006/documentManagement/types"/>
    <ds:schemaRef ds:uri="http://schemas.microsoft.com/office/infopath/2007/PartnerControls"/>
    <ds:schemaRef ds:uri="http://schemas.openxmlformats.org/package/2006/metadata/core-properties"/>
    <ds:schemaRef ds:uri="446b8ed4-f6ce-4745-8e58-083d1ac2d12d"/>
    <ds:schemaRef ds:uri="http://schemas.microsoft.com/office/2006/metadata/properties"/>
    <ds:schemaRef ds:uri="http://purl.org/dc/dcmitype/"/>
  </ds:schemaRefs>
</ds:datastoreItem>
</file>

<file path=customXml/itemProps4.xml><?xml version="1.0" encoding="utf-8"?>
<ds:datastoreItem xmlns:ds="http://schemas.openxmlformats.org/officeDocument/2006/customXml" ds:itemID="{C4875920-EEFE-40D5-9FEF-75DB7454B78E}">
  <ds:schemaRefs/>
</ds:datastoreItem>
</file>

<file path=customXml/itemProps5.xml><?xml version="1.0" encoding="utf-8"?>
<ds:datastoreItem xmlns:ds="http://schemas.openxmlformats.org/officeDocument/2006/customXml" ds:itemID="{EC1922DA-9D6D-465B-8092-1E4E68C9D05C}">
  <ds:schemaRefs/>
</ds:datastoreItem>
</file>

<file path=docMetadata/LabelInfo.xml><?xml version="1.0" encoding="utf-8"?>
<clbl:labelList xmlns:clbl="http://schemas.microsoft.com/office/2020/mipLabelMetadata">
  <clbl:label id="{8a6fa58e-5153-4bfa-9a8b-573d985a4186}" enabled="0" method="" siteId="{8a6fa58e-5153-4bfa-9a8b-573d985a4186}"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Regneark</vt:lpstr>
      </vt:variant>
      <vt:variant>
        <vt:i4>5</vt:i4>
      </vt:variant>
    </vt:vector>
  </HeadingPairs>
  <TitlesOfParts>
    <vt:vector size="5" baseType="lpstr">
      <vt:lpstr>Liste</vt:lpstr>
      <vt:lpstr>Forside</vt:lpstr>
      <vt:lpstr>Vurdering mot målsettinger</vt:lpstr>
      <vt:lpstr>Vurdering av bærekraftstema</vt:lpstr>
      <vt:lpstr>Oppsummering til saksfremlegg</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ja Molnes</dc:creator>
  <cp:keywords/>
  <dc:description/>
  <cp:lastModifiedBy>Hilde Løseth Modell</cp:lastModifiedBy>
  <cp:revision/>
  <dcterms:created xsi:type="dcterms:W3CDTF">2024-05-30T06:23:38Z</dcterms:created>
  <dcterms:modified xsi:type="dcterms:W3CDTF">2025-09-25T10:58:24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do</vt:lpwstr>
  </property>
  <property fmtid="{D5CDD505-2E9C-101B-9397-08002B2CF9AE}" pid="3" name="TemplafyTemplateId">
    <vt:lpwstr>637818216942473163</vt:lpwstr>
  </property>
  <property fmtid="{D5CDD505-2E9C-101B-9397-08002B2CF9AE}" pid="4" name="TemplafyUserProfileId">
    <vt:lpwstr>814512468326614415</vt:lpwstr>
  </property>
  <property fmtid="{D5CDD505-2E9C-101B-9397-08002B2CF9AE}" pid="5" name="TemplafyLanguageCode">
    <vt:lpwstr>nb-NO</vt:lpwstr>
  </property>
  <property fmtid="{D5CDD505-2E9C-101B-9397-08002B2CF9AE}" pid="6" name="TemplafyFromBlank">
    <vt:bool>true</vt:bool>
  </property>
  <property fmtid="{D5CDD505-2E9C-101B-9397-08002B2CF9AE}" pid="7" name="ContentTypeId">
    <vt:lpwstr>0x0101006C21045FB02E404E8B13BC211076C075</vt:lpwstr>
  </property>
  <property fmtid="{D5CDD505-2E9C-101B-9397-08002B2CF9AE}" pid="8" name="MediaServiceImageTags">
    <vt:lpwstr/>
  </property>
</Properties>
</file>